
<file path=[Content_Types].xml><?xml version="1.0" encoding="utf-8"?>
<Types xmlns="http://schemas.openxmlformats.org/package/2006/content-types"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44" r:id="rId1"/>
  </p:sldMasterIdLst>
  <p:notesMasterIdLst>
    <p:notesMasterId r:id="rId4"/>
  </p:notesMasterIdLst>
  <p:sldIdLst>
    <p:sldId id="280" r:id="rId2"/>
    <p:sldId id="93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A13C4C35-5361-47C8-BB18-349DF7150DB9}" v="1" dt="2019-10-22T14:49:33.761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81" d="100"/>
          <a:sy n="81" d="100"/>
        </p:scale>
        <p:origin x="77" y="91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Relationship Id="rId9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BA7A46-A3E6-4C15-8A4F-2E511648F64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4283DBD-DBF8-4B72-8879-A112C28A5E8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99404D-7A9E-4637-B52D-8500318156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116272-3AF4-467E-9683-ED008113F8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AC3B4B-9A22-42FE-83FA-AAE185AE9C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849722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C8B3AB-DAF5-483C-B090-3AABA561E3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D03F314-EF08-4F24-8CE2-790F891D8E3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C34D4A-882D-401D-A63F-F20ABBF03D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020F6A-053C-498F-BB69-1240CB811F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DB962E-DB1D-4F7E-9CC3-B88632B7E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93632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74419AA-E84D-48DE-9C73-659FD81956E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BE4699C-6922-412B-94CA-406BE1720D9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E6713DC-EF69-4DC3-84C2-25D24CDFA2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9FD102-1503-41C3-A7A9-142E6D7ABE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9DC7F4-21FF-4C9C-98C0-F1051F91C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733018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8019F2-FD2A-4BA7-8F67-C0E1C43374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DDC5841-04A5-458C-AE69-D827BA29983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24A68D-E647-41EB-9F29-E8C79129E0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F208C8A-1225-44B9-806A-4771660F70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A5486F-63A8-4A74-B5B3-7E72B248B7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89041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013844-9930-4479-8911-487A44563E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3931876-8CDB-4111-885C-DBB496388FF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F94714-E7F6-430E-BD13-ACB39A16D9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1E9F45-7D17-448C-8AFB-4C3CF4904F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9D4592F-1ADD-458A-B19C-4BAEBB1987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100162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8FA3D4-2C53-40EE-BB87-C97C3F800D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34BCFBD-B808-46C2-A1CB-A4E287A6178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D8A9D80-470E-440A-93CD-8B05229080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D83FBE-6FBF-493C-A604-52BA2DEBF8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9C9D0D-0105-42C2-8A61-6567FF6024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6BC5A63-B2CB-43C8-984A-2E1AFE00A8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450120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8947FE-F115-406E-A2D7-8C6A61D2A9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27D0B45-3C13-4D50-A7B5-44E2BF45893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21F7E04-C209-41E5-98D5-2BBB2E8B248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C350BCB-73C6-4BE7-AE7B-873AD3E048F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38866B8-F2C8-4865-B0E8-6CA2E9F115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D270913-717F-4BDB-A75B-788875923E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C4BE7A5-BEE6-40E8-BCEB-1CCD485232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ACD4621-AD64-4265-B971-084FCA0555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842909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D3FA62-1D87-44E5-B770-37F8A6B05D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E4EBC61-1120-4D33-A7BD-4C971AFC84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5AA0A5F-0C72-431C-8AA9-79C7FC2435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2F260C3-62CE-4848-8AC7-35E1A417AD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8608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578638C-D794-47AF-BE65-A06A91FFA2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DD5D90A-398B-47E5-80ED-7EBB25B955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FFA4BE-7D79-4235-AF1E-A879BCFE11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95179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FD3385-7DCF-4D97-8142-DCF818DC3E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CAACAA-96FB-4C9D-ABDC-55FE888A1DB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AF99227-06EE-4E0D-B5CC-94F1E04DCA6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5C948D8-E996-4978-8684-4ECB023776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B441BCE-37A9-4879-B8B3-272785AB94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253B513-96DD-4AA0-B986-5A686270B8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047930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8FC1AB-77F9-4A10-947E-ABEFAF3AB6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057F43-3F5B-4A6F-898C-30E3AFDE7C6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68016EF-1C89-4C1D-A3F6-041CB22D9C6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5C8B2D4-73C1-4813-8184-27B232D6B1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9CB3CB2-F60D-4CFB-8185-490A5AFE2C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49A3E2B-0E2E-437B-AA94-73C09607D4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6037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2C48E70-4D2D-4EB1-A2FA-5A2B0E8ED0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ACF1772-C888-45D3-85D2-8636A911EF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91ED9C7-E26E-496C-99A9-EAA48AC2605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8E3C0AD-D8DC-4937-A81E-C0D303B29DC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5A4FDA-CFCD-46A2-95C7-327C8278157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29794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5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51" r:id="rId7"/>
    <p:sldLayoutId id="2147483752" r:id="rId8"/>
    <p:sldLayoutId id="2147483753" r:id="rId9"/>
    <p:sldLayoutId id="2147483754" r:id="rId10"/>
    <p:sldLayoutId id="214748375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image" Target="../media/image3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5137561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2" name="OTLSHAPE_SL_19867ef1ce2b46c8888ac5094bd46420_BackgroundRectangle">
            <a:extLst>
              <a:ext uri="{FF2B5EF4-FFF2-40B4-BE49-F238E27FC236}">
                <a16:creationId xmlns:a16="http://schemas.microsoft.com/office/drawing/2014/main" id="{A8EC61C4-9401-40FC-BB24-ED1975CF08A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367209"/>
            <a:ext cx="11125200" cy="825490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_e5f2b54cc09b484697a60147fb763d90_BackgroundRectangle">
            <a:extLst>
              <a:ext uri="{FF2B5EF4-FFF2-40B4-BE49-F238E27FC236}">
                <a16:creationId xmlns:a16="http://schemas.microsoft.com/office/drawing/2014/main" id="{219B4D7E-F8A5-4C65-BC5E-E65676BB5DD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38509"/>
            <a:ext cx="11125200" cy="9652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_d0a0bb0d1fc041dcae3f3d5d731aa83b_BackgroundRectangle">
            <a:extLst>
              <a:ext uri="{FF2B5EF4-FFF2-40B4-BE49-F238E27FC236}">
                <a16:creationId xmlns:a16="http://schemas.microsoft.com/office/drawing/2014/main" id="{77F285A0-D4B5-4AE1-8F66-64F569EFB21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2309809"/>
            <a:ext cx="11125200" cy="9652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SL_3754e4ef8c3743a883ff89bf12bd931a_BackgroundRectangle">
            <a:extLst>
              <a:ext uri="{FF2B5EF4-FFF2-40B4-BE49-F238E27FC236}">
                <a16:creationId xmlns:a16="http://schemas.microsoft.com/office/drawing/2014/main" id="{6548E186-EC97-4B60-9333-0215D5F0105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256199"/>
            <a:ext cx="11125200" cy="5715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SL_ec407117895940e0a33afcddca9ac217_BackgroundRectangle">
            <a:extLst>
              <a:ext uri="{FF2B5EF4-FFF2-40B4-BE49-F238E27FC236}">
                <a16:creationId xmlns:a16="http://schemas.microsoft.com/office/drawing/2014/main" id="{8BC45AB6-2838-487E-BEE4-7DCC0C99002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891199"/>
            <a:ext cx="11125200" cy="3302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3" name="OTLSHAPE_SL2A_64ae03ff6c9b41e8a94b98bb0623f8c9_BackgroundRectangle" hidden="1">
            <a:extLst>
              <a:ext uri="{FF2B5EF4-FFF2-40B4-BE49-F238E27FC236}">
                <a16:creationId xmlns:a16="http://schemas.microsoft.com/office/drawing/2014/main" id="{8029F464-B31C-F520-1EE8-ECCFF28605C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82565" y="2309809"/>
            <a:ext cx="10312400" cy="9652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9" name="OTLSHAPE_SL2A_58d085af18bc4c0f858b9583994e8cdc_BackgroundRectangle" hidden="1">
            <a:extLst>
              <a:ext uri="{FF2B5EF4-FFF2-40B4-BE49-F238E27FC236}">
                <a16:creationId xmlns:a16="http://schemas.microsoft.com/office/drawing/2014/main" id="{BF5CDF07-62BD-2CFD-FBB8-A31E8D153B2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82565" y="3338509"/>
            <a:ext cx="10312400" cy="9652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" name="OTLSHAPE_SL2A_96c5d6e034134731aaa7d8d5853781a6_BackgroundRectangle" hidden="1">
            <a:extLst>
              <a:ext uri="{FF2B5EF4-FFF2-40B4-BE49-F238E27FC236}">
                <a16:creationId xmlns:a16="http://schemas.microsoft.com/office/drawing/2014/main" id="{4A705A1C-A2DE-7FE9-790B-EF58BD858C58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82565" y="4367209"/>
            <a:ext cx="10312400" cy="82549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" name="OTLSHAPE_SL2A_a7e4371994244de396a227690c3018bc_BackgroundRectangle" hidden="1">
            <a:extLst>
              <a:ext uri="{FF2B5EF4-FFF2-40B4-BE49-F238E27FC236}">
                <a16:creationId xmlns:a16="http://schemas.microsoft.com/office/drawing/2014/main" id="{BDE8CE54-4254-2378-24C3-7EDA27511E1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82565" y="5256199"/>
            <a:ext cx="10312400" cy="5715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1" name="OTLSHAPE_SL2A_9331721f982f41f6ba9ed7a095c82e81_BackgroundRectangle" hidden="1">
            <a:extLst>
              <a:ext uri="{FF2B5EF4-FFF2-40B4-BE49-F238E27FC236}">
                <a16:creationId xmlns:a16="http://schemas.microsoft.com/office/drawing/2014/main" id="{050BEA10-D650-8170-B385-8EFACF193B1C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82565" y="5891199"/>
            <a:ext cx="10312400" cy="3302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8" name="OTLSHAPE_TB_00000000000000000000000000000000_LeftEndCaps" hidden="1">
            <a:extLst>
              <a:ext uri="{FF2B5EF4-FFF2-40B4-BE49-F238E27FC236}">
                <a16:creationId xmlns:a16="http://schemas.microsoft.com/office/drawing/2014/main" id="{B1C88EEC-7EED-58DE-1AA0-DFD2D00D7F65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59" name="OTLSHAPE_TB_00000000000000000000000000000000_RightEndCaps" hidden="1">
            <a:extLst>
              <a:ext uri="{FF2B5EF4-FFF2-40B4-BE49-F238E27FC236}">
                <a16:creationId xmlns:a16="http://schemas.microsoft.com/office/drawing/2014/main" id="{88770B0B-4B80-B8F3-E793-696E95413D8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2ED6C8D6-71C8-4385-A02D-1ED8D2E4793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44465" y="1725609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SL_19867ef1ce2b46c8888ac5094bd46420_HeaderRectangle">
            <a:extLst>
              <a:ext uri="{FF2B5EF4-FFF2-40B4-BE49-F238E27FC236}">
                <a16:creationId xmlns:a16="http://schemas.microsoft.com/office/drawing/2014/main" id="{03D40DDA-AB42-452E-8A6C-BCB9BF92EBB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367209"/>
            <a:ext cx="825500" cy="82549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SL_e5f2b54cc09b484697a60147fb763d90_HeaderRectangle">
            <a:extLst>
              <a:ext uri="{FF2B5EF4-FFF2-40B4-BE49-F238E27FC236}">
                <a16:creationId xmlns:a16="http://schemas.microsoft.com/office/drawing/2014/main" id="{47C9A1CE-83F1-4467-AD36-183B9441807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3338509"/>
            <a:ext cx="825500" cy="965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" name="OTLSHAPE_SL_d0a0bb0d1fc041dcae3f3d5d731aa83b_HeaderRectangle">
            <a:extLst>
              <a:ext uri="{FF2B5EF4-FFF2-40B4-BE49-F238E27FC236}">
                <a16:creationId xmlns:a16="http://schemas.microsoft.com/office/drawing/2014/main" id="{08582FB3-75C4-4508-9F72-C3ED14D482AA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2309809"/>
            <a:ext cx="825500" cy="965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_3754e4ef8c3743a883ff89bf12bd931a_HeaderRectangle">
            <a:extLst>
              <a:ext uri="{FF2B5EF4-FFF2-40B4-BE49-F238E27FC236}">
                <a16:creationId xmlns:a16="http://schemas.microsoft.com/office/drawing/2014/main" id="{CC83A74E-1878-4F71-A8BF-3BADB930FB5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5256199"/>
            <a:ext cx="825500" cy="5715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_ec407117895940e0a33afcddca9ac217_HeaderRectangle">
            <a:extLst>
              <a:ext uri="{FF2B5EF4-FFF2-40B4-BE49-F238E27FC236}">
                <a16:creationId xmlns:a16="http://schemas.microsoft.com/office/drawing/2014/main" id="{B1BC941F-7C0E-44D7-9F88-E8D838C3A003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5891199"/>
            <a:ext cx="825500" cy="330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1" name="OTLSHAPE_SL2A_64ae03ff6c9b41e8a94b98bb0623f8c9_HeaderRectangle" hidden="1">
            <a:extLst>
              <a:ext uri="{FF2B5EF4-FFF2-40B4-BE49-F238E27FC236}">
                <a16:creationId xmlns:a16="http://schemas.microsoft.com/office/drawing/2014/main" id="{E47DBE94-AC70-6E51-5411-136DFEDBF571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82565" y="2309809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6" name="OTLSHAPE_SL2A_58d085af18bc4c0f858b9583994e8cdc_HeaderRectangle" hidden="1">
            <a:extLst>
              <a:ext uri="{FF2B5EF4-FFF2-40B4-BE49-F238E27FC236}">
                <a16:creationId xmlns:a16="http://schemas.microsoft.com/office/drawing/2014/main" id="{0B1F4BD2-B4CE-8F43-1938-BEFF8987639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82565" y="3338509"/>
            <a:ext cx="0" cy="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1" name="OTLSHAPE_SL2A_96c5d6e034134731aaa7d8d5853781a6_HeaderRectangle" hidden="1">
            <a:extLst>
              <a:ext uri="{FF2B5EF4-FFF2-40B4-BE49-F238E27FC236}">
                <a16:creationId xmlns:a16="http://schemas.microsoft.com/office/drawing/2014/main" id="{83D65206-B601-6429-8637-A1A4078788C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82565" y="4367209"/>
            <a:ext cx="0" cy="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2" name="OTLSHAPE_SL2A_a7e4371994244de396a227690c3018bc_HeaderRectangle" hidden="1">
            <a:extLst>
              <a:ext uri="{FF2B5EF4-FFF2-40B4-BE49-F238E27FC236}">
                <a16:creationId xmlns:a16="http://schemas.microsoft.com/office/drawing/2014/main" id="{1063A287-724B-4968-466A-B29D2AD9FE4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82565" y="5256199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" name="OTLSHAPE_SL2A_9331721f982f41f6ba9ed7a095c82e81_HeaderRectangle" hidden="1">
            <a:extLst>
              <a:ext uri="{FF2B5EF4-FFF2-40B4-BE49-F238E27FC236}">
                <a16:creationId xmlns:a16="http://schemas.microsoft.com/office/drawing/2014/main" id="{AAE84B99-A9E3-09BE-4B78-6CF257917D2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82565" y="5891199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7" name="OTLSHAPE_G_00000000000000000000000000000000_ShapeBelow0">
            <a:extLst>
              <a:ext uri="{FF2B5EF4-FFF2-40B4-BE49-F238E27FC236}">
                <a16:creationId xmlns:a16="http://schemas.microsoft.com/office/drawing/2014/main" id="{13A41DDC-0F58-476C-8A6B-9880D6868790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538885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8" name="OTLSHAPE_G_00000000000000000000000000000000_ShapeBelow1">
            <a:extLst>
              <a:ext uri="{FF2B5EF4-FFF2-40B4-BE49-F238E27FC236}">
                <a16:creationId xmlns:a16="http://schemas.microsoft.com/office/drawing/2014/main" id="{DF3FB866-2219-4B50-9DBE-2E7EE0BFAF8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6068205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9" name="OTLSHAPE_G_00000000000000000000000000000000_ShapeBelow2">
            <a:extLst>
              <a:ext uri="{FF2B5EF4-FFF2-40B4-BE49-F238E27FC236}">
                <a16:creationId xmlns:a16="http://schemas.microsoft.com/office/drawing/2014/main" id="{E6E3880A-235E-466E-96C8-F5145C60CE1D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8625320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SLM_be54ac11223a4538b0a95d4c713ab9e3_Shape">
            <a:extLst>
              <a:ext uri="{FF2B5EF4-FFF2-40B4-BE49-F238E27FC236}">
                <a16:creationId xmlns:a16="http://schemas.microsoft.com/office/drawing/2014/main" id="{17881DED-E340-4E8B-A42D-7D3D54CE0AB2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811299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M_7582c54c60a447d8b8e71edfb98aaf40_Shape">
            <a:extLst>
              <a:ext uri="{FF2B5EF4-FFF2-40B4-BE49-F238E27FC236}">
                <a16:creationId xmlns:a16="http://schemas.microsoft.com/office/drawing/2014/main" id="{294AD265-8F4E-47E1-A21D-A25E453A4D3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785898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M_560837dc1abd4a0ca0d27af684182a06_Shape">
            <a:extLst>
              <a:ext uri="{FF2B5EF4-FFF2-40B4-BE49-F238E27FC236}">
                <a16:creationId xmlns:a16="http://schemas.microsoft.com/office/drawing/2014/main" id="{0F0DA89C-543B-45C8-9D7B-5C10D9EE90D3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281979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SLM_cb319515330a4686adace750669455a1_Shape">
            <a:extLst>
              <a:ext uri="{FF2B5EF4-FFF2-40B4-BE49-F238E27FC236}">
                <a16:creationId xmlns:a16="http://schemas.microsoft.com/office/drawing/2014/main" id="{FA62BE4E-0A74-4024-963C-7EBCF543ADFB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256577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M_aec98ba4df184c8881a011a86b46a3d7_Shape">
            <a:extLst>
              <a:ext uri="{FF2B5EF4-FFF2-40B4-BE49-F238E27FC236}">
                <a16:creationId xmlns:a16="http://schemas.microsoft.com/office/drawing/2014/main" id="{7EC5ECAB-2129-4D9F-B15A-75C6C3330D2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256577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M_2e27626e3d094dd0a210b1e05d6bfdd8_Shape">
            <a:extLst>
              <a:ext uri="{FF2B5EF4-FFF2-40B4-BE49-F238E27FC236}">
                <a16:creationId xmlns:a16="http://schemas.microsoft.com/office/drawing/2014/main" id="{65DAED55-B6DA-4333-B020-A4B3CA5967D3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281979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M_01502ce42bc84294ae8c8e2a26374c3b_Shape">
            <a:extLst>
              <a:ext uri="{FF2B5EF4-FFF2-40B4-BE49-F238E27FC236}">
                <a16:creationId xmlns:a16="http://schemas.microsoft.com/office/drawing/2014/main" id="{B5C7B2E2-C609-483A-B9F9-7D5CC6AB7AD0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897734" y="494716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SLM_c81b46d3284c4b8b8f210faa2910f49b_Shape">
            <a:extLst>
              <a:ext uri="{FF2B5EF4-FFF2-40B4-BE49-F238E27FC236}">
                <a16:creationId xmlns:a16="http://schemas.microsoft.com/office/drawing/2014/main" id="{CDCB3EB9-44A9-46E4-8E28-E00D67CD66E0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872332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M_aa00dde741c24a21a2c7b6e756bf5e17_Shape">
            <a:extLst>
              <a:ext uri="{FF2B5EF4-FFF2-40B4-BE49-F238E27FC236}">
                <a16:creationId xmlns:a16="http://schemas.microsoft.com/office/drawing/2014/main" id="{9D28D433-9FA6-4B8F-B478-96A80CD9DC21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897734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2" name="OTLSHAPE_SLM_c083dcb2c19c4c0a9646b566e1400809_Shape">
            <a:extLst>
              <a:ext uri="{FF2B5EF4-FFF2-40B4-BE49-F238E27FC236}">
                <a16:creationId xmlns:a16="http://schemas.microsoft.com/office/drawing/2014/main" id="{AE664857-67C1-4889-BD0B-9B02E24DCB62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315218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SLM_65669134d18a43e28959dc972ef27252_Shape">
            <a:extLst>
              <a:ext uri="{FF2B5EF4-FFF2-40B4-BE49-F238E27FC236}">
                <a16:creationId xmlns:a16="http://schemas.microsoft.com/office/drawing/2014/main" id="{9C5AE2F3-B374-4748-A973-BDD7BFF27F00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785898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SLM_26615f3a416d4a0a83511ad17e513011_Shape">
            <a:extLst>
              <a:ext uri="{FF2B5EF4-FFF2-40B4-BE49-F238E27FC236}">
                <a16:creationId xmlns:a16="http://schemas.microsoft.com/office/drawing/2014/main" id="{0F6CD54C-F5CF-41A2-BC74-F794304809B6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256577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SLM_561d3f347d1b454491ac4de9797a3f4d_Shape">
            <a:extLst>
              <a:ext uri="{FF2B5EF4-FFF2-40B4-BE49-F238E27FC236}">
                <a16:creationId xmlns:a16="http://schemas.microsoft.com/office/drawing/2014/main" id="{EE096942-F8D0-46CB-963E-2644C45FEC67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315218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M_d4b43abd458d46c99679b40a91fdc215_Shape">
            <a:extLst>
              <a:ext uri="{FF2B5EF4-FFF2-40B4-BE49-F238E27FC236}">
                <a16:creationId xmlns:a16="http://schemas.microsoft.com/office/drawing/2014/main" id="{D15C81BF-3B7C-499F-9F2E-FCB4EB20BD5F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785898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M_7045f708c555433896c4f672bfa058ae_Shape">
            <a:extLst>
              <a:ext uri="{FF2B5EF4-FFF2-40B4-BE49-F238E27FC236}">
                <a16:creationId xmlns:a16="http://schemas.microsoft.com/office/drawing/2014/main" id="{7587A768-F129-40C0-BB24-67911518019C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315218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M_c83c63dd5d304091821b0ecf3f8be2b9_Shape">
            <a:extLst>
              <a:ext uri="{FF2B5EF4-FFF2-40B4-BE49-F238E27FC236}">
                <a16:creationId xmlns:a16="http://schemas.microsoft.com/office/drawing/2014/main" id="{4DDAD743-855E-4FA0-ABAB-6CC9DB34A19D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315218" y="2982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2" name="OTLSHAPE_SLM_8fe1b08c0ca24a09b6a68ffff02e0e1d_Shape">
            <a:extLst>
              <a:ext uri="{FF2B5EF4-FFF2-40B4-BE49-F238E27FC236}">
                <a16:creationId xmlns:a16="http://schemas.microsoft.com/office/drawing/2014/main" id="{3435F299-7A24-4332-AF68-41AC30167AF9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792248" y="55736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M_2fc3af8cbe2047d9b131940081e5f96e_Shape">
            <a:extLst>
              <a:ext uri="{FF2B5EF4-FFF2-40B4-BE49-F238E27FC236}">
                <a16:creationId xmlns:a16="http://schemas.microsoft.com/office/drawing/2014/main" id="{DB081C1F-0440-47FE-9383-1523923EE86A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340619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M_60c06a06fdce43a09193df70ab745e15_Shape">
            <a:extLst>
              <a:ext uri="{FF2B5EF4-FFF2-40B4-BE49-F238E27FC236}">
                <a16:creationId xmlns:a16="http://schemas.microsoft.com/office/drawing/2014/main" id="{D5757842-9EB9-4EA1-817F-E069F6CA6C8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897734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M_df6e23cb93e34336adfdc39b4d5053de_Shape">
            <a:extLst>
              <a:ext uri="{FF2B5EF4-FFF2-40B4-BE49-F238E27FC236}">
                <a16:creationId xmlns:a16="http://schemas.microsoft.com/office/drawing/2014/main" id="{2058C24F-74DF-499B-8085-DB92820E456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811299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SLM_e523b563254d495eb0025210ee56692e_Shape">
            <a:extLst>
              <a:ext uri="{FF2B5EF4-FFF2-40B4-BE49-F238E27FC236}">
                <a16:creationId xmlns:a16="http://schemas.microsoft.com/office/drawing/2014/main" id="{00E86286-9914-4895-A9A5-8CD9E9159477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785898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M_045beb95d040487eaf77b3311e5d20f0_Shape">
            <a:extLst>
              <a:ext uri="{FF2B5EF4-FFF2-40B4-BE49-F238E27FC236}">
                <a16:creationId xmlns:a16="http://schemas.microsoft.com/office/drawing/2014/main" id="{8B7C81FA-B91C-4CA0-B857-98307B1461B5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315218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SLM_5920b03199474388bd7736cdc3f1663e_Shape">
            <a:extLst>
              <a:ext uri="{FF2B5EF4-FFF2-40B4-BE49-F238E27FC236}">
                <a16:creationId xmlns:a16="http://schemas.microsoft.com/office/drawing/2014/main" id="{0E5F3C0E-0BDD-4BA6-8733-ED8E84FED1DE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872332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" name="OTLSHAPE_SLM_e238d5f028934d099a3f80230dd32c18_Shape">
            <a:extLst>
              <a:ext uri="{FF2B5EF4-FFF2-40B4-BE49-F238E27FC236}">
                <a16:creationId xmlns:a16="http://schemas.microsoft.com/office/drawing/2014/main" id="{B553BECE-F79F-4721-A55E-47A4A9A3675E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792248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" name="OTLSHAPE_SLM_87c93a319a65441d8ccec04336af2778_Shape">
            <a:extLst>
              <a:ext uri="{FF2B5EF4-FFF2-40B4-BE49-F238E27FC236}">
                <a16:creationId xmlns:a16="http://schemas.microsoft.com/office/drawing/2014/main" id="{A3BAFBAA-0A25-4E93-A96E-6431CC538E4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6321568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1" name="OTLSHAPE_SLM_aab742d94cfc42c79614461425cf975e_Shape">
            <a:extLst>
              <a:ext uri="{FF2B5EF4-FFF2-40B4-BE49-F238E27FC236}">
                <a16:creationId xmlns:a16="http://schemas.microsoft.com/office/drawing/2014/main" id="{299DD903-1E60-46C8-8705-D8CA81855546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8878682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SLM_266cb7b954a6414eb7b7ea9f740319f6_Shape">
            <a:extLst>
              <a:ext uri="{FF2B5EF4-FFF2-40B4-BE49-F238E27FC236}">
                <a16:creationId xmlns:a16="http://schemas.microsoft.com/office/drawing/2014/main" id="{BBC737DF-5DC6-4BA6-A543-EE63677C6E64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6315218" y="5929299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SLM_6e37b4e8e3c149d585cc7170bfe1145c_Shape">
            <a:extLst>
              <a:ext uri="{FF2B5EF4-FFF2-40B4-BE49-F238E27FC236}">
                <a16:creationId xmlns:a16="http://schemas.microsoft.com/office/drawing/2014/main" id="{95B50414-A2B4-49FC-AB48-06CE649AB6B2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785898" y="5929299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SLM_18b4805670c54bafba548f70c19a4604_Shape">
            <a:extLst>
              <a:ext uri="{FF2B5EF4-FFF2-40B4-BE49-F238E27FC236}">
                <a16:creationId xmlns:a16="http://schemas.microsoft.com/office/drawing/2014/main" id="{29CCF2D0-B6EA-4383-830C-483313D6CFB0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8872332" y="5929299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8" name="OTLSHAPE_SLM_550a5bf5eba0429492a42cecbb55ea03_Shape">
            <a:extLst>
              <a:ext uri="{FF2B5EF4-FFF2-40B4-BE49-F238E27FC236}">
                <a16:creationId xmlns:a16="http://schemas.microsoft.com/office/drawing/2014/main" id="{10DB1496-FCB9-44AE-B3C9-3AD0AEAE3178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6315218" y="4011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SLM_7319137fdf7944279d79d0352cbf2c93_Shape">
            <a:extLst>
              <a:ext uri="{FF2B5EF4-FFF2-40B4-BE49-F238E27FC236}">
                <a16:creationId xmlns:a16="http://schemas.microsoft.com/office/drawing/2014/main" id="{2F5D84C7-FC55-4CAC-8138-FA2984FE8ED5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8872332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SLM_34b0a8948a844ec0971ad8eee72468c1_Shape">
            <a:extLst>
              <a:ext uri="{FF2B5EF4-FFF2-40B4-BE49-F238E27FC236}">
                <a16:creationId xmlns:a16="http://schemas.microsoft.com/office/drawing/2014/main" id="{2263BDC4-9E08-41BC-BB0F-7B95A4898A5F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8872332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" name="OTLSHAPE_TB_00000000000000000000000000000000_ElapsedTime" hidden="1">
            <a:extLst>
              <a:ext uri="{FF2B5EF4-FFF2-40B4-BE49-F238E27FC236}">
                <a16:creationId xmlns:a16="http://schemas.microsoft.com/office/drawing/2014/main" id="{699EA705-F9B8-4146-3B2F-EF849B0F1107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844465" y="1725609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SL_19867ef1ce2b46c8888ac5094bd46420_Header">
            <a:extLst>
              <a:ext uri="{FF2B5EF4-FFF2-40B4-BE49-F238E27FC236}">
                <a16:creationId xmlns:a16="http://schemas.microsoft.com/office/drawing/2014/main" id="{30475D23-7E09-47A9-827D-A6836B3C024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3500" y="4686926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Ads</a:t>
            </a:r>
          </a:p>
        </p:txBody>
      </p:sp>
      <p:sp>
        <p:nvSpPr>
          <p:cNvPr id="87" name="OTLSHAPE_SL_e5f2b54cc09b484697a60147fb763d90_Header">
            <a:extLst>
              <a:ext uri="{FF2B5EF4-FFF2-40B4-BE49-F238E27FC236}">
                <a16:creationId xmlns:a16="http://schemas.microsoft.com/office/drawing/2014/main" id="{E1AA7CD0-A4D2-456C-8F05-2F1C56114C7B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3500" y="3728081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1B1013"/>
                </a:solidFill>
                <a:latin typeface="Calibri" panose="020F0502020204030204" pitchFamily="34" charset="0"/>
              </a:rPr>
              <a:t>SEO/SEM</a:t>
            </a:r>
          </a:p>
        </p:txBody>
      </p:sp>
      <p:sp>
        <p:nvSpPr>
          <p:cNvPr id="90" name="OTLSHAPE_SL_d0a0bb0d1fc041dcae3f3d5d731aa83b_Header">
            <a:extLst>
              <a:ext uri="{FF2B5EF4-FFF2-40B4-BE49-F238E27FC236}">
                <a16:creationId xmlns:a16="http://schemas.microsoft.com/office/drawing/2014/main" id="{07B39A4E-6BC5-474F-B518-680451AB2082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3500" y="269938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C3631"/>
                </a:solidFill>
                <a:latin typeface="Calibri" panose="020F0502020204030204" pitchFamily="34" charset="0"/>
              </a:rPr>
              <a:t>Website</a:t>
            </a:r>
          </a:p>
        </p:txBody>
      </p:sp>
      <p:sp>
        <p:nvSpPr>
          <p:cNvPr id="93" name="OTLSHAPE_SL_3754e4ef8c3743a883ff89bf12bd931a_Header">
            <a:extLst>
              <a:ext uri="{FF2B5EF4-FFF2-40B4-BE49-F238E27FC236}">
                <a16:creationId xmlns:a16="http://schemas.microsoft.com/office/drawing/2014/main" id="{34F7E391-DCC3-41C5-AF92-81DB681847C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544892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rgbClr val="171E24"/>
                </a:solidFill>
                <a:latin typeface="Calibri" panose="020F0502020204030204" pitchFamily="34" charset="0"/>
              </a:rPr>
              <a:t>DevOps</a:t>
            </a:r>
          </a:p>
        </p:txBody>
      </p:sp>
      <p:sp>
        <p:nvSpPr>
          <p:cNvPr id="96" name="OTLSHAPE_SL_ec407117895940e0a33afcddca9ac217_Header">
            <a:extLst>
              <a:ext uri="{FF2B5EF4-FFF2-40B4-BE49-F238E27FC236}">
                <a16:creationId xmlns:a16="http://schemas.microsoft.com/office/drawing/2014/main" id="{2365F94C-F7B8-4D8C-874E-ECCF96E8F9B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596327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31E1C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462" name="OTLSHAPE_SL2A_64ae03ff6c9b41e8a94b98bb0623f8c9_Header" hidden="1">
            <a:extLst>
              <a:ext uri="{FF2B5EF4-FFF2-40B4-BE49-F238E27FC236}">
                <a16:creationId xmlns:a16="http://schemas.microsoft.com/office/drawing/2014/main" id="{3A9C2268-B8A4-6415-3DEE-E84CF24944C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7" name="OTLSHAPE_SL2A_58d085af18bc4c0f858b9583994e8cdc_Header" hidden="1">
            <a:extLst>
              <a:ext uri="{FF2B5EF4-FFF2-40B4-BE49-F238E27FC236}">
                <a16:creationId xmlns:a16="http://schemas.microsoft.com/office/drawing/2014/main" id="{E21156BA-F67D-BE09-B676-5497EED469D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2" name="OTLSHAPE_SL2A_96c5d6e034134731aaa7d8d5853781a6_Header" hidden="1">
            <a:extLst>
              <a:ext uri="{FF2B5EF4-FFF2-40B4-BE49-F238E27FC236}">
                <a16:creationId xmlns:a16="http://schemas.microsoft.com/office/drawing/2014/main" id="{353BAAFF-C01F-452E-081A-ABAE44811898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3" name="OTLSHAPE_SL2A_a7e4371994244de396a227690c3018bc_Header" hidden="1">
            <a:extLst>
              <a:ext uri="{FF2B5EF4-FFF2-40B4-BE49-F238E27FC236}">
                <a16:creationId xmlns:a16="http://schemas.microsoft.com/office/drawing/2014/main" id="{C2F6483D-0AB0-EBA9-845D-4EDBF335C6C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0" name="OTLSHAPE_SL2A_9331721f982f41f6ba9ed7a095c82e81_Header" hidden="1">
            <a:extLst>
              <a:ext uri="{FF2B5EF4-FFF2-40B4-BE49-F238E27FC236}">
                <a16:creationId xmlns:a16="http://schemas.microsoft.com/office/drawing/2014/main" id="{9FD236E4-3A42-E2F6-6633-977E4004199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B_00000000000000000000000000000000_TodayMarkerShape">
            <a:extLst>
              <a:ext uri="{FF2B5EF4-FFF2-40B4-BE49-F238E27FC236}">
                <a16:creationId xmlns:a16="http://schemas.microsoft.com/office/drawing/2014/main" id="{DCC3F91E-4949-44F5-A021-276821D9EB55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 flipV="1">
            <a:off x="6227760" y="1598609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B_00000000000000000000000000000000_TodayMarkerText">
            <a:extLst>
              <a:ext uri="{FF2B5EF4-FFF2-40B4-BE49-F238E27FC236}">
                <a16:creationId xmlns:a16="http://schemas.microsoft.com/office/drawing/2014/main" id="{571827AB-04F5-42AB-98CD-FD28A3AAEE7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102060" y="141255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8" name="OTLSHAPE_TB_00000000000000000000000000000000_TimescaleInterval1">
            <a:extLst>
              <a:ext uri="{FF2B5EF4-FFF2-40B4-BE49-F238E27FC236}">
                <a16:creationId xmlns:a16="http://schemas.microsoft.com/office/drawing/2014/main" id="{EE427987-84D7-41FC-BEDC-239020A9B21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73065" y="1776578"/>
            <a:ext cx="261738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52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69" name="OTLSHAPE_TB_00000000000000000000000000000000_TimescaleInterval2">
            <a:extLst>
              <a:ext uri="{FF2B5EF4-FFF2-40B4-BE49-F238E27FC236}">
                <a16:creationId xmlns:a16="http://schemas.microsoft.com/office/drawing/2014/main" id="{9B76F5A8-16E3-4CB8-A22F-5497927C67E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602386" y="1776578"/>
            <a:ext cx="261738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52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06" name="OTLSHAPE_SLM_be54ac11223a4538b0a95d4c713ab9e3_Title">
            <a:extLst>
              <a:ext uri="{FF2B5EF4-FFF2-40B4-BE49-F238E27FC236}">
                <a16:creationId xmlns:a16="http://schemas.microsoft.com/office/drawing/2014/main" id="{B975BE38-DB79-4556-BFD4-42A8490F36F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039896" y="4423765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ing Ads</a:t>
            </a:r>
          </a:p>
        </p:txBody>
      </p:sp>
      <p:sp>
        <p:nvSpPr>
          <p:cNvPr id="109" name="OTLSHAPE_SLM_7582c54c60a447d8b8e71edfb98aaf40_Title">
            <a:extLst>
              <a:ext uri="{FF2B5EF4-FFF2-40B4-BE49-F238E27FC236}">
                <a16:creationId xmlns:a16="http://schemas.microsoft.com/office/drawing/2014/main" id="{FE6C27A3-F38E-48B8-9C44-4B577AA61B4C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065298" y="341834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O Optimization</a:t>
            </a:r>
          </a:p>
        </p:txBody>
      </p:sp>
      <p:sp>
        <p:nvSpPr>
          <p:cNvPr id="112" name="OTLSHAPE_SLM_560837dc1abd4a0ca0d27af684182a06_Title">
            <a:extLst>
              <a:ext uri="{FF2B5EF4-FFF2-40B4-BE49-F238E27FC236}">
                <a16:creationId xmlns:a16="http://schemas.microsoft.com/office/drawing/2014/main" id="{7BC3548B-C8B7-4279-9011-2FD8FD6C79C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510576" y="4423765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acebook Ads</a:t>
            </a:r>
          </a:p>
        </p:txBody>
      </p:sp>
      <p:sp>
        <p:nvSpPr>
          <p:cNvPr id="115" name="OTLSHAPE_SLM_cb319515330a4686adace750669455a1_Title">
            <a:extLst>
              <a:ext uri="{FF2B5EF4-FFF2-40B4-BE49-F238E27FC236}">
                <a16:creationId xmlns:a16="http://schemas.microsoft.com/office/drawing/2014/main" id="{A70798FE-BA45-4392-AA1A-68240B21CB92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535977" y="3735849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EM Audit</a:t>
            </a:r>
          </a:p>
        </p:txBody>
      </p:sp>
      <p:sp>
        <p:nvSpPr>
          <p:cNvPr id="118" name="OTLSHAPE_SLM_aec98ba4df184c8881a011a86b46a3d7_Title">
            <a:extLst>
              <a:ext uri="{FF2B5EF4-FFF2-40B4-BE49-F238E27FC236}">
                <a16:creationId xmlns:a16="http://schemas.microsoft.com/office/drawing/2014/main" id="{F53976DB-5E3F-475E-991F-70C88895CAA9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535977" y="3418349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O Audit</a:t>
            </a:r>
          </a:p>
        </p:txBody>
      </p:sp>
      <p:sp>
        <p:nvSpPr>
          <p:cNvPr id="121" name="OTLSHAPE_SLM_2e27626e3d094dd0a210b1e05d6bfdd8_Title">
            <a:extLst>
              <a:ext uri="{FF2B5EF4-FFF2-40B4-BE49-F238E27FC236}">
                <a16:creationId xmlns:a16="http://schemas.microsoft.com/office/drawing/2014/main" id="{E30E0DB0-4CBE-4C30-B969-EBA69341F2E8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510576" y="4694695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Google Ads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M_01502ce42bc84294ae8c8e2a26374c3b_Title">
            <a:extLst>
              <a:ext uri="{FF2B5EF4-FFF2-40B4-BE49-F238E27FC236}">
                <a16:creationId xmlns:a16="http://schemas.microsoft.com/office/drawing/2014/main" id="{0CBAF1A3-D216-4CA0-BB2C-D6752C424353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9126331" y="4965625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mail Ads</a:t>
            </a:r>
          </a:p>
        </p:txBody>
      </p:sp>
      <p:sp>
        <p:nvSpPr>
          <p:cNvPr id="164" name="OTLSHAPE_SLM_c81b46d3284c4b8b8f210faa2910f49b_Title">
            <a:extLst>
              <a:ext uri="{FF2B5EF4-FFF2-40B4-BE49-F238E27FC236}">
                <a16:creationId xmlns:a16="http://schemas.microsoft.com/office/drawing/2014/main" id="{B5F13116-5924-47FE-BA85-312A99DC82B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151732" y="238965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Commerce Update</a:t>
            </a:r>
          </a:p>
        </p:txBody>
      </p:sp>
      <p:sp>
        <p:nvSpPr>
          <p:cNvPr id="167" name="OTLSHAPE_SLM_aa00dde741c24a21a2c7b6e756bf5e17_Title">
            <a:extLst>
              <a:ext uri="{FF2B5EF4-FFF2-40B4-BE49-F238E27FC236}">
                <a16:creationId xmlns:a16="http://schemas.microsoft.com/office/drawing/2014/main" id="{DA2D3FF9-17A6-439E-A325-157992E3578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126331" y="4694695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bile Ads</a:t>
            </a:r>
          </a:p>
        </p:txBody>
      </p:sp>
      <p:sp>
        <p:nvSpPr>
          <p:cNvPr id="170" name="OTLSHAPE_SLM_c083dcb2c19c4c0a9646b566e1400809_Title">
            <a:extLst>
              <a:ext uri="{FF2B5EF4-FFF2-40B4-BE49-F238E27FC236}">
                <a16:creationId xmlns:a16="http://schemas.microsoft.com/office/drawing/2014/main" id="{73B8FC73-2989-4A36-9FDC-51858A52F79A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594618" y="3418349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ocial Media Campaign</a:t>
            </a:r>
          </a:p>
        </p:txBody>
      </p:sp>
      <p:sp>
        <p:nvSpPr>
          <p:cNvPr id="173" name="OTLSHAPE_SLM_65669134d18a43e28959dc972ef27252_Title">
            <a:extLst>
              <a:ext uri="{FF2B5EF4-FFF2-40B4-BE49-F238E27FC236}">
                <a16:creationId xmlns:a16="http://schemas.microsoft.com/office/drawing/2014/main" id="{B667E94E-98FD-4A5C-95C2-74904742047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4065298" y="2389650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Optimize for Mobile</a:t>
            </a:r>
          </a:p>
        </p:txBody>
      </p:sp>
      <p:sp>
        <p:nvSpPr>
          <p:cNvPr id="176" name="OTLSHAPE_SLM_26615f3a416d4a0a83511ad17e513011_Title">
            <a:extLst>
              <a:ext uri="{FF2B5EF4-FFF2-40B4-BE49-F238E27FC236}">
                <a16:creationId xmlns:a16="http://schemas.microsoft.com/office/drawing/2014/main" id="{ED455CAE-B980-4F74-A716-CDD363AEDC3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535977" y="2389650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Website Design &amp; Dev</a:t>
            </a:r>
          </a:p>
        </p:txBody>
      </p:sp>
      <p:sp>
        <p:nvSpPr>
          <p:cNvPr id="179" name="OTLSHAPE_SLM_561d3f347d1b454491ac4de9797a3f4d_Title">
            <a:extLst>
              <a:ext uri="{FF2B5EF4-FFF2-40B4-BE49-F238E27FC236}">
                <a16:creationId xmlns:a16="http://schemas.microsoft.com/office/drawing/2014/main" id="{0EDAC04D-2AEE-4F33-B702-E8BE6CF6739E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594618" y="2389650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ECommerce Dev</a:t>
            </a:r>
          </a:p>
        </p:txBody>
      </p:sp>
      <p:sp>
        <p:nvSpPr>
          <p:cNvPr id="182" name="OTLSHAPE_SLM_d4b43abd458d46c99679b40a91fdc215_Title">
            <a:extLst>
              <a:ext uri="{FF2B5EF4-FFF2-40B4-BE49-F238E27FC236}">
                <a16:creationId xmlns:a16="http://schemas.microsoft.com/office/drawing/2014/main" id="{7F6F90C6-F9A0-4750-AA81-BB05BE3747CE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4065298" y="270715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urchase Flow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SLM_7045f708c555433896c4f672bfa058ae_Title">
            <a:extLst>
              <a:ext uri="{FF2B5EF4-FFF2-40B4-BE49-F238E27FC236}">
                <a16:creationId xmlns:a16="http://schemas.microsoft.com/office/drawing/2014/main" id="{63F7FE05-79E3-4F5A-AB2C-A4AF3F2A2DC3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594618" y="2707150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brand Update</a:t>
            </a:r>
          </a:p>
        </p:txBody>
      </p:sp>
      <p:sp>
        <p:nvSpPr>
          <p:cNvPr id="188" name="OTLSHAPE_SLM_c83c63dd5d304091821b0ecf3f8be2b9_Title">
            <a:extLst>
              <a:ext uri="{FF2B5EF4-FFF2-40B4-BE49-F238E27FC236}">
                <a16:creationId xmlns:a16="http://schemas.microsoft.com/office/drawing/2014/main" id="{C0E9CFF4-C176-4E37-BF83-B713614F717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594618" y="3024650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log Design Update</a:t>
            </a:r>
          </a:p>
        </p:txBody>
      </p:sp>
      <p:sp>
        <p:nvSpPr>
          <p:cNvPr id="191" name="OTLSHAPE_SLM_8fe1b08c0ca24a09b6a68ffff02e0e1d_Title">
            <a:extLst>
              <a:ext uri="{FF2B5EF4-FFF2-40B4-BE49-F238E27FC236}">
                <a16:creationId xmlns:a16="http://schemas.microsoft.com/office/drawing/2014/main" id="{641F0298-D838-4345-958D-ADFA2DF9442B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058948" y="559639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ecurity Audit</a:t>
            </a:r>
          </a:p>
        </p:txBody>
      </p:sp>
      <p:sp>
        <p:nvSpPr>
          <p:cNvPr id="194" name="OTLSHAPE_SLM_2fc3af8cbe2047d9b131940081e5f96e_Title">
            <a:extLst>
              <a:ext uri="{FF2B5EF4-FFF2-40B4-BE49-F238E27FC236}">
                <a16:creationId xmlns:a16="http://schemas.microsoft.com/office/drawing/2014/main" id="{8A33C2F2-8B63-4BF7-A460-C7A496D5459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569216" y="4423765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3rd Party Lead Gen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SLM_60c06a06fdce43a09193df70ab745e15_Title">
            <a:extLst>
              <a:ext uri="{FF2B5EF4-FFF2-40B4-BE49-F238E27FC236}">
                <a16:creationId xmlns:a16="http://schemas.microsoft.com/office/drawing/2014/main" id="{D880DBB4-CFFD-450F-88A4-43517FCFD7CD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9126331" y="4423765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Youtube Ads</a:t>
            </a:r>
          </a:p>
        </p:txBody>
      </p:sp>
      <p:sp>
        <p:nvSpPr>
          <p:cNvPr id="200" name="OTLSHAPE_SLM_df6e23cb93e34336adfdc39b4d5053de_Title">
            <a:extLst>
              <a:ext uri="{FF2B5EF4-FFF2-40B4-BE49-F238E27FC236}">
                <a16:creationId xmlns:a16="http://schemas.microsoft.com/office/drawing/2014/main" id="{392D3985-0596-434F-BC52-C6D32ECEE1B6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039896" y="4694695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isplay Ads Creative</a:t>
            </a:r>
          </a:p>
        </p:txBody>
      </p:sp>
      <p:sp>
        <p:nvSpPr>
          <p:cNvPr id="203" name="OTLSHAPE_SLM_e523b563254d495eb0025210ee56692e_Title">
            <a:extLst>
              <a:ext uri="{FF2B5EF4-FFF2-40B4-BE49-F238E27FC236}">
                <a16:creationId xmlns:a16="http://schemas.microsoft.com/office/drawing/2014/main" id="{3801C606-748B-4AF5-9D84-51E587EFD2C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065298" y="3735849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EM Campaign</a:t>
            </a:r>
          </a:p>
        </p:txBody>
      </p:sp>
      <p:sp>
        <p:nvSpPr>
          <p:cNvPr id="206" name="OTLSHAPE_SLM_045beb95d040487eaf77b3311e5d20f0_Title">
            <a:extLst>
              <a:ext uri="{FF2B5EF4-FFF2-40B4-BE49-F238E27FC236}">
                <a16:creationId xmlns:a16="http://schemas.microsoft.com/office/drawing/2014/main" id="{2689A20F-6C27-404D-A451-4010982A24C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594618" y="3735849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log Campaign</a:t>
            </a:r>
          </a:p>
        </p:txBody>
      </p:sp>
      <p:sp>
        <p:nvSpPr>
          <p:cNvPr id="212" name="OTLSHAPE_SLM_5920b03199474388bd7736cdc3f1663e_Title">
            <a:extLst>
              <a:ext uri="{FF2B5EF4-FFF2-40B4-BE49-F238E27FC236}">
                <a16:creationId xmlns:a16="http://schemas.microsoft.com/office/drawing/2014/main" id="{32A0052F-F30F-41B3-8A9D-DD0D570353E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9151732" y="2707150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unnel Optimization</a:t>
            </a:r>
          </a:p>
        </p:txBody>
      </p:sp>
      <p:sp>
        <p:nvSpPr>
          <p:cNvPr id="215" name="OTLSHAPE_SLM_e238d5f028934d099a3f80230dd32c18_Title">
            <a:extLst>
              <a:ext uri="{FF2B5EF4-FFF2-40B4-BE49-F238E27FC236}">
                <a16:creationId xmlns:a16="http://schemas.microsoft.com/office/drawing/2014/main" id="{748D0E8A-82D4-4870-9899-E198AB3F55FA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058948" y="5316990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Geo-replication</a:t>
            </a:r>
          </a:p>
        </p:txBody>
      </p:sp>
      <p:sp>
        <p:nvSpPr>
          <p:cNvPr id="218" name="OTLSHAPE_SLM_87c93a319a65441d8ccec04336af2778_Title">
            <a:extLst>
              <a:ext uri="{FF2B5EF4-FFF2-40B4-BE49-F238E27FC236}">
                <a16:creationId xmlns:a16="http://schemas.microsoft.com/office/drawing/2014/main" id="{133DBD66-00A3-4406-B0C7-F4D0BBAC3D4B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588268" y="5316990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ccess Firewall Integration</a:t>
            </a:r>
          </a:p>
        </p:txBody>
      </p:sp>
      <p:sp>
        <p:nvSpPr>
          <p:cNvPr id="221" name="OTLSHAPE_SLM_aab742d94cfc42c79614461425cf975e_Title">
            <a:extLst>
              <a:ext uri="{FF2B5EF4-FFF2-40B4-BE49-F238E27FC236}">
                <a16:creationId xmlns:a16="http://schemas.microsoft.com/office/drawing/2014/main" id="{B59DC869-1D3A-4627-B55D-BF0A4F7BB7F4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9145382" y="5316990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Disaster Recovery Testing</a:t>
            </a:r>
          </a:p>
        </p:txBody>
      </p:sp>
      <p:sp>
        <p:nvSpPr>
          <p:cNvPr id="224" name="OTLSHAPE_SLM_266cb7b954a6414eb7b7ea9f740319f6_Title">
            <a:extLst>
              <a:ext uri="{FF2B5EF4-FFF2-40B4-BE49-F238E27FC236}">
                <a16:creationId xmlns:a16="http://schemas.microsoft.com/office/drawing/2014/main" id="{DF0EDC4D-BB35-455F-8D69-751C37A15904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594618" y="5971040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Automated Testing</a:t>
            </a:r>
          </a:p>
        </p:txBody>
      </p:sp>
      <p:sp>
        <p:nvSpPr>
          <p:cNvPr id="227" name="OTLSHAPE_SLM_6e37b4e8e3c149d585cc7170bfe1145c_Title">
            <a:extLst>
              <a:ext uri="{FF2B5EF4-FFF2-40B4-BE49-F238E27FC236}">
                <a16:creationId xmlns:a16="http://schemas.microsoft.com/office/drawing/2014/main" id="{DB76CAC7-AA4F-467F-8A79-CA23BE044599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4065298" y="5971040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Automated Test Framework</a:t>
            </a:r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0" name="OTLSHAPE_SLM_18b4805670c54bafba548f70c19a4604_Title">
            <a:extLst>
              <a:ext uri="{FF2B5EF4-FFF2-40B4-BE49-F238E27FC236}">
                <a16:creationId xmlns:a16="http://schemas.microsoft.com/office/drawing/2014/main" id="{2D439119-BF5E-467D-8DA6-0AD961F06D49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9151732" y="5971040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Automated Testing</a:t>
            </a:r>
          </a:p>
        </p:txBody>
      </p:sp>
      <p:sp>
        <p:nvSpPr>
          <p:cNvPr id="325" name="OTLSHAPE_TB_00000000000000000000000000000000_TimescaleInterval3">
            <a:extLst>
              <a:ext uri="{FF2B5EF4-FFF2-40B4-BE49-F238E27FC236}">
                <a16:creationId xmlns:a16="http://schemas.microsoft.com/office/drawing/2014/main" id="{D02CF991-3D56-4693-A921-116A39ED59F2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131706" y="1776578"/>
            <a:ext cx="261738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52" dirty="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27" name="OTLSHAPE_TB_00000000000000000000000000000000_TimescaleInterval4">
            <a:extLst>
              <a:ext uri="{FF2B5EF4-FFF2-40B4-BE49-F238E27FC236}">
                <a16:creationId xmlns:a16="http://schemas.microsoft.com/office/drawing/2014/main" id="{A3B3A184-D9F1-4F8E-B36E-E797E09AB6B8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8688820" y="1776578"/>
            <a:ext cx="261738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52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478" name="OTLSHAPE_SLM_550a5bf5eba0429492a42cecbb55ea03_Title">
            <a:extLst>
              <a:ext uri="{FF2B5EF4-FFF2-40B4-BE49-F238E27FC236}">
                <a16:creationId xmlns:a16="http://schemas.microsoft.com/office/drawing/2014/main" id="{D65FEED4-6C58-4F36-A1F5-88043D9D0D25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6594618" y="405334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Brand Change</a:t>
            </a:r>
          </a:p>
        </p:txBody>
      </p:sp>
      <p:sp>
        <p:nvSpPr>
          <p:cNvPr id="481" name="OTLSHAPE_SLM_7319137fdf7944279d79d0352cbf2c93_Title">
            <a:extLst>
              <a:ext uri="{FF2B5EF4-FFF2-40B4-BE49-F238E27FC236}">
                <a16:creationId xmlns:a16="http://schemas.microsoft.com/office/drawing/2014/main" id="{BBA59974-C953-4C26-9511-5A7634768DC0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151732" y="341834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EO Review</a:t>
            </a:r>
          </a:p>
        </p:txBody>
      </p:sp>
      <p:sp>
        <p:nvSpPr>
          <p:cNvPr id="484" name="OTLSHAPE_SLM_34b0a8948a844ec0971ad8eee72468c1_Title">
            <a:extLst>
              <a:ext uri="{FF2B5EF4-FFF2-40B4-BE49-F238E27FC236}">
                <a16:creationId xmlns:a16="http://schemas.microsoft.com/office/drawing/2014/main" id="{0F18C34B-912B-4F11-AD8C-152F9CFF64A4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9151732" y="3735849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M Review</a:t>
            </a:r>
          </a:p>
        </p:txBody>
      </p:sp>
      <p:sp>
        <p:nvSpPr>
          <p:cNvPr id="464" name="OTLSHAPE_SLM_65669134d18a43e28959dc972ef27252_Date" hidden="1">
            <a:extLst>
              <a:ext uri="{FF2B5EF4-FFF2-40B4-BE49-F238E27FC236}">
                <a16:creationId xmlns:a16="http://schemas.microsoft.com/office/drawing/2014/main" id="{13604F12-7137-D2FA-38CF-B8A585169B87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465" name="OTLSHAPE_SLM_26615f3a416d4a0a83511ad17e513011_Date" hidden="1">
            <a:extLst>
              <a:ext uri="{FF2B5EF4-FFF2-40B4-BE49-F238E27FC236}">
                <a16:creationId xmlns:a16="http://schemas.microsoft.com/office/drawing/2014/main" id="{9EC6B36E-8E69-0D9C-351B-CF8C8EFECCD9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466" name="OTLSHAPE_SLM_561d3f347d1b454491ac4de9797a3f4d_Date" hidden="1">
            <a:extLst>
              <a:ext uri="{FF2B5EF4-FFF2-40B4-BE49-F238E27FC236}">
                <a16:creationId xmlns:a16="http://schemas.microsoft.com/office/drawing/2014/main" id="{99DE8254-C597-3F54-4A1E-D9F7D2D94B11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467" name="OTLSHAPE_SLM_c81b46d3284c4b8b8f210faa2910f49b_Date" hidden="1">
            <a:extLst>
              <a:ext uri="{FF2B5EF4-FFF2-40B4-BE49-F238E27FC236}">
                <a16:creationId xmlns:a16="http://schemas.microsoft.com/office/drawing/2014/main" id="{52658C95-13A1-718D-17B3-39329F9A2BD2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468" name="OTLSHAPE_SLM_5920b03199474388bd7736cdc3f1663e_Date" hidden="1">
            <a:extLst>
              <a:ext uri="{FF2B5EF4-FFF2-40B4-BE49-F238E27FC236}">
                <a16:creationId xmlns:a16="http://schemas.microsoft.com/office/drawing/2014/main" id="{3793AD1E-DEC5-26C5-E9F6-BD7A81D523EB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473" name="OTLSHAPE_SLM_7045f708c555433896c4f672bfa058ae_Date" hidden="1">
            <a:extLst>
              <a:ext uri="{FF2B5EF4-FFF2-40B4-BE49-F238E27FC236}">
                <a16:creationId xmlns:a16="http://schemas.microsoft.com/office/drawing/2014/main" id="{2092FD66-CA82-E151-211D-C7A860BD0C9C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474" name="OTLSHAPE_SLM_d4b43abd458d46c99679b40a91fdc215_Date" hidden="1">
            <a:extLst>
              <a:ext uri="{FF2B5EF4-FFF2-40B4-BE49-F238E27FC236}">
                <a16:creationId xmlns:a16="http://schemas.microsoft.com/office/drawing/2014/main" id="{41224A26-4445-AEDB-590D-737031536886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475" name="OTLSHAPE_SLM_c83c63dd5d304091821b0ecf3f8be2b9_Date" hidden="1">
            <a:extLst>
              <a:ext uri="{FF2B5EF4-FFF2-40B4-BE49-F238E27FC236}">
                <a16:creationId xmlns:a16="http://schemas.microsoft.com/office/drawing/2014/main" id="{E9ECD725-AAD1-EF8B-495B-52631D93913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480" name="OTLSHAPE_SLM_aec98ba4df184c8881a011a86b46a3d7_Date" hidden="1">
            <a:extLst>
              <a:ext uri="{FF2B5EF4-FFF2-40B4-BE49-F238E27FC236}">
                <a16:creationId xmlns:a16="http://schemas.microsoft.com/office/drawing/2014/main" id="{D6AA123E-093D-CBF0-9E66-FDC12F1F68FF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482" name="OTLSHAPE_SLM_7582c54c60a447d8b8e71edfb98aaf40_Date" hidden="1">
            <a:extLst>
              <a:ext uri="{FF2B5EF4-FFF2-40B4-BE49-F238E27FC236}">
                <a16:creationId xmlns:a16="http://schemas.microsoft.com/office/drawing/2014/main" id="{7159F166-AC29-AE1B-6E2C-17B29A9220B7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483" name="OTLSHAPE_SLM_c083dcb2c19c4c0a9646b566e1400809_Date" hidden="1">
            <a:extLst>
              <a:ext uri="{FF2B5EF4-FFF2-40B4-BE49-F238E27FC236}">
                <a16:creationId xmlns:a16="http://schemas.microsoft.com/office/drawing/2014/main" id="{9E0AD3CB-1A8D-2CE7-FCEF-60557CD93064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485" name="OTLSHAPE_SLM_7319137fdf7944279d79d0352cbf2c93_Date" hidden="1">
            <a:extLst>
              <a:ext uri="{FF2B5EF4-FFF2-40B4-BE49-F238E27FC236}">
                <a16:creationId xmlns:a16="http://schemas.microsoft.com/office/drawing/2014/main" id="{6F3CF6DE-1826-6C0E-9459-C58B81D3D14F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121316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486" name="OTLSHAPE_SLM_e523b563254d495eb0025210ee56692e_Date" hidden="1">
            <a:extLst>
              <a:ext uri="{FF2B5EF4-FFF2-40B4-BE49-F238E27FC236}">
                <a16:creationId xmlns:a16="http://schemas.microsoft.com/office/drawing/2014/main" id="{6D71FB40-8A48-8172-FA10-AA0DF713379D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487" name="OTLSHAPE_SLM_045beb95d040487eaf77b3311e5d20f0_Date" hidden="1">
            <a:extLst>
              <a:ext uri="{FF2B5EF4-FFF2-40B4-BE49-F238E27FC236}">
                <a16:creationId xmlns:a16="http://schemas.microsoft.com/office/drawing/2014/main" id="{DBF6A0C2-D6A5-525C-CD2B-F1B7BFD2D21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488" name="OTLSHAPE_SLM_cb319515330a4686adace750669455a1_Date" hidden="1">
            <a:extLst>
              <a:ext uri="{FF2B5EF4-FFF2-40B4-BE49-F238E27FC236}">
                <a16:creationId xmlns:a16="http://schemas.microsoft.com/office/drawing/2014/main" id="{73751142-71EA-EF3B-8AEB-8DB754D2C824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489" name="OTLSHAPE_SLM_34b0a8948a844ec0971ad8eee72468c1_Date" hidden="1">
            <a:extLst>
              <a:ext uri="{FF2B5EF4-FFF2-40B4-BE49-F238E27FC236}">
                <a16:creationId xmlns:a16="http://schemas.microsoft.com/office/drawing/2014/main" id="{4D573F97-80B1-F63C-3C69-43624677A7C7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121316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490" name="OTLSHAPE_SLM_550a5bf5eba0429492a42cecbb55ea03_Date" hidden="1">
            <a:extLst>
              <a:ext uri="{FF2B5EF4-FFF2-40B4-BE49-F238E27FC236}">
                <a16:creationId xmlns:a16="http://schemas.microsoft.com/office/drawing/2014/main" id="{06C3EE40-76EF-08D4-BD1C-9260FBC660A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494" name="OTLSHAPE_SLM_2fc3af8cbe2047d9b131940081e5f96e_Date" hidden="1">
            <a:extLst>
              <a:ext uri="{FF2B5EF4-FFF2-40B4-BE49-F238E27FC236}">
                <a16:creationId xmlns:a16="http://schemas.microsoft.com/office/drawing/2014/main" id="{EF9011A1-D040-1F82-9725-628ED1798D58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495" name="OTLSHAPE_SLM_be54ac11223a4538b0a95d4c713ab9e3_Date" hidden="1">
            <a:extLst>
              <a:ext uri="{FF2B5EF4-FFF2-40B4-BE49-F238E27FC236}">
                <a16:creationId xmlns:a16="http://schemas.microsoft.com/office/drawing/2014/main" id="{17BC5F11-C5C9-89CA-A84E-0D1C66D70098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496" name="OTLSHAPE_SLM_560837dc1abd4a0ca0d27af684182a06_Date" hidden="1">
            <a:extLst>
              <a:ext uri="{FF2B5EF4-FFF2-40B4-BE49-F238E27FC236}">
                <a16:creationId xmlns:a16="http://schemas.microsoft.com/office/drawing/2014/main" id="{A3840F55-F6F0-4135-59A6-2A2244411408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497" name="OTLSHAPE_SLM_60c06a06fdce43a09193df70ab745e15_Date" hidden="1">
            <a:extLst>
              <a:ext uri="{FF2B5EF4-FFF2-40B4-BE49-F238E27FC236}">
                <a16:creationId xmlns:a16="http://schemas.microsoft.com/office/drawing/2014/main" id="{22A15C5E-8967-20A1-C172-60355ECE032B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498" name="OTLSHAPE_SLM_2e27626e3d094dd0a210b1e05d6bfdd8_Date" hidden="1">
            <a:extLst>
              <a:ext uri="{FF2B5EF4-FFF2-40B4-BE49-F238E27FC236}">
                <a16:creationId xmlns:a16="http://schemas.microsoft.com/office/drawing/2014/main" id="{B95D8DEB-803C-8FF0-6522-09EC47DD73E6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499" name="OTLSHAPE_SLM_df6e23cb93e34336adfdc39b4d5053de_Date" hidden="1">
            <a:extLst>
              <a:ext uri="{FF2B5EF4-FFF2-40B4-BE49-F238E27FC236}">
                <a16:creationId xmlns:a16="http://schemas.microsoft.com/office/drawing/2014/main" id="{866AAE7E-7A26-F322-C2DC-41945B55A8E4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500" name="OTLSHAPE_SLM_aa00dde741c24a21a2c7b6e756bf5e17_Date" hidden="1">
            <a:extLst>
              <a:ext uri="{FF2B5EF4-FFF2-40B4-BE49-F238E27FC236}">
                <a16:creationId xmlns:a16="http://schemas.microsoft.com/office/drawing/2014/main" id="{8372CF64-37DD-7BD1-DD5C-EFB6D8B9357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501" name="OTLSHAPE_SLM_01502ce42bc84294ae8c8e2a26374c3b_Date" hidden="1">
            <a:extLst>
              <a:ext uri="{FF2B5EF4-FFF2-40B4-BE49-F238E27FC236}">
                <a16:creationId xmlns:a16="http://schemas.microsoft.com/office/drawing/2014/main" id="{1D225247-E7A1-3915-35BC-1103B6833038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505" name="OTLSHAPE_SLM_e238d5f028934d099a3f80230dd32c18_Date" hidden="1">
            <a:extLst>
              <a:ext uri="{FF2B5EF4-FFF2-40B4-BE49-F238E27FC236}">
                <a16:creationId xmlns:a16="http://schemas.microsoft.com/office/drawing/2014/main" id="{4E645B71-42A4-1DD1-C493-30B71842F8E1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506" name="OTLSHAPE_SLM_87c93a319a65441d8ccec04336af2778_Date" hidden="1">
            <a:extLst>
              <a:ext uri="{FF2B5EF4-FFF2-40B4-BE49-F238E27FC236}">
                <a16:creationId xmlns:a16="http://schemas.microsoft.com/office/drawing/2014/main" id="{D7F5F6E1-6C5E-1067-031F-4EFB43116BE0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507" name="OTLSHAPE_SLM_aab742d94cfc42c79614461425cf975e_Date" hidden="1">
            <a:extLst>
              <a:ext uri="{FF2B5EF4-FFF2-40B4-BE49-F238E27FC236}">
                <a16:creationId xmlns:a16="http://schemas.microsoft.com/office/drawing/2014/main" id="{FDA59BC7-CA95-5411-ED0F-6B8D36D0D140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508" name="OTLSHAPE_SLM_8fe1b08c0ca24a09b6a68ffff02e0e1d_Date" hidden="1">
            <a:extLst>
              <a:ext uri="{FF2B5EF4-FFF2-40B4-BE49-F238E27FC236}">
                <a16:creationId xmlns:a16="http://schemas.microsoft.com/office/drawing/2014/main" id="{687DED05-FD4A-4731-A3AA-ACD094E69254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64" name="OTLSHAPE_SLM_266cb7b954a6414eb7b7ea9f740319f6_Date" hidden="1">
            <a:extLst>
              <a:ext uri="{FF2B5EF4-FFF2-40B4-BE49-F238E27FC236}">
                <a16:creationId xmlns:a16="http://schemas.microsoft.com/office/drawing/2014/main" id="{007B3F6F-5C5F-4F64-2AB1-12E91D3FF280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65" name="OTLSHAPE_SLM_6e37b4e8e3c149d585cc7170bfe1145c_Date" hidden="1">
            <a:extLst>
              <a:ext uri="{FF2B5EF4-FFF2-40B4-BE49-F238E27FC236}">
                <a16:creationId xmlns:a16="http://schemas.microsoft.com/office/drawing/2014/main" id="{85BC4FAD-48E8-AAE0-A725-4FCD073B8D67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70" name="OTLSHAPE_SLM_18b4805670c54bafba548f70c19a4604_Date" hidden="1">
            <a:extLst>
              <a:ext uri="{FF2B5EF4-FFF2-40B4-BE49-F238E27FC236}">
                <a16:creationId xmlns:a16="http://schemas.microsoft.com/office/drawing/2014/main" id="{4E3B0FB8-6FE8-D280-77C2-C3096F26280F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cxnSp>
        <p:nvCxnSpPr>
          <p:cNvPr id="321" name="OTLSHAPE_TB_00000000000000000000000000000000_Separator1">
            <a:extLst>
              <a:ext uri="{FF2B5EF4-FFF2-40B4-BE49-F238E27FC236}">
                <a16:creationId xmlns:a16="http://schemas.microsoft.com/office/drawing/2014/main" id="{D84D0BD2-4AF1-4DAE-9507-F54F3D52D1B4}"/>
              </a:ext>
            </a:extLst>
          </p:cNvPr>
          <p:cNvCxnSpPr/>
          <p:nvPr>
            <p:custDataLst>
              <p:tags r:id="rId141"/>
            </p:custDataLst>
          </p:nvPr>
        </p:nvCxnSpPr>
        <p:spPr>
          <a:xfrm>
            <a:off x="3538885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" name="OTLSHAPE_TB_00000000000000000000000000000000_Separator2">
            <a:extLst>
              <a:ext uri="{FF2B5EF4-FFF2-40B4-BE49-F238E27FC236}">
                <a16:creationId xmlns:a16="http://schemas.microsoft.com/office/drawing/2014/main" id="{3CB18BC2-5689-4FE7-A0B2-867A16BA9C8E}"/>
              </a:ext>
            </a:extLst>
          </p:cNvPr>
          <p:cNvCxnSpPr/>
          <p:nvPr>
            <p:custDataLst>
              <p:tags r:id="rId142"/>
            </p:custDataLst>
          </p:nvPr>
        </p:nvCxnSpPr>
        <p:spPr>
          <a:xfrm>
            <a:off x="6068205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6" name="OTLSHAPE_TB_00000000000000000000000000000000_Separator3">
            <a:extLst>
              <a:ext uri="{FF2B5EF4-FFF2-40B4-BE49-F238E27FC236}">
                <a16:creationId xmlns:a16="http://schemas.microsoft.com/office/drawing/2014/main" id="{7583DD2D-FA16-47B6-97EB-9F00165CDF6E}"/>
              </a:ext>
            </a:extLst>
          </p:cNvPr>
          <p:cNvCxnSpPr/>
          <p:nvPr>
            <p:custDataLst>
              <p:tags r:id="rId143"/>
            </p:custDataLst>
          </p:nvPr>
        </p:nvCxnSpPr>
        <p:spPr>
          <a:xfrm>
            <a:off x="8625320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523786F4-C718-4C6C-822B-B5A661F6A48B}"/>
              </a:ext>
            </a:extLst>
          </p:cNvPr>
          <p:cNvSpPr txBox="1"/>
          <p:nvPr/>
        </p:nvSpPr>
        <p:spPr>
          <a:xfrm>
            <a:off x="1211951" y="505998"/>
            <a:ext cx="976809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Marketing Swimlanes Roadmap Template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457" name="Picture 456" descr="Icon&#10;&#10;Description automatically generated">
            <a:extLst>
              <a:ext uri="{FF2B5EF4-FFF2-40B4-BE49-F238E27FC236}">
                <a16:creationId xmlns:a16="http://schemas.microsoft.com/office/drawing/2014/main" id="{BFAFCE76-5A51-DD4A-3E9C-6C7938329C60}"/>
              </a:ext>
            </a:extLst>
          </p:cNvPr>
          <p:cNvPicPr>
            <a:picLocks noChangeAspect="1"/>
          </p:cNvPicPr>
          <p:nvPr/>
        </p:nvPicPr>
        <p:blipFill>
          <a:blip r:embed="rId14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264011" y="4434849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1108895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S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MxIiwiTWFyZ2luIjp7IiRpZCI6IjMyIiwiVG9wIjowLjAsIkxlZnQiOjQuMCwiUmlnaHQiOjQuMCwiQm90dG9tIjowLjB9LCJQYWRkaW5nIjp7IiRpZCI6IjMzIiwiVG9wIjowLjAsIkxlZnQiOjAuMCwiUmlnaHQiOjAuMCwiQm90dG9tIjowLjB9LCJCYWNrZ3JvdW5kIjp7IiRpZCI6IjM0IiwiQ29sb3IiOnsiJGlkIjoiMzUiLCJBIjoyNTUsIlIiOjE2NSwiRyI6MTY1LCJCIjoxNjV9fSwiSXNWaXNpYmxlIjp0cnVlLCJXaWR0aCI6MC4wLCJIZWlnaHQiOjE2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EiLCJUb3AiOjAuMCwiTGVmdCI6MC4wLCJSaWdodCI6MC4wLCJCb3R0b20iOjAuMH0sIlBhZGRpbmciOnsiJGlkIjoiNTIiLCJUb3AiOjAuMCwiTGVmdCI6MC4wLCJSaWdodCI6MC4wLCJCb3R0b20iOjAuMH0sIkJhY2tncm91bmQiOnsiJGlkIjoiNTMiLCJDb2xvciI6eyIkcmVmIjoiMTUifX0sIklzVmlzaWJsZSI6dHJ1ZSwiV2lkdGgiOjAuMCwiSGVpZ2h0IjowLjAsIkJvcmRlclN0eWxlIjp7IiRpZCI6IjU0IiwiTGluZUNvbG9yIjpudWxsLCJMaW5lV2VpZ2h0IjowLjAsIkxpbmVUeXBlIjowLCJQYXJlbnRTdHlsZSI6bnVsbH0sIlBhcmVudFN0eWxlIjpudWxsfSwiRGF0ZUZvcm1hdCI6eyIkaWQiOiI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OSIsIlRvcCI6MC4wLCJMZWZ0IjowLjAsIlJpZ2h0IjowLjAsIkJvdHRvbSI6MC4wfSwiUGFkZGluZyI6eyIkaWQiOiI4MCIsIlRvcCI6MC4wLCJMZWZ0IjowLjAsIlJpZ2h0IjowLjAsIkJvdHRvbSI6MC4wfSwiQmFja2dyb3VuZCI6eyIkaWQiOiI4MSIsIkNvbG9yIjp7IiRyZWYiOiIxNSJ9fSwiSXNWaXNpYmxlIjpmYWxzZSwiV2lkdGgiOjAuMCwiSGVpZ2h0IjowLjAsIkJvcmRlclN0eWxlIjpudWxsLCJQYXJlbnRTdHlsZSI6bnVsbH0sIkRhdGVGb3JtYXQiOnsiJGlkIjoi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k1IiwiRm9udFNldHRpbmdzIjp7IiRpZCI6Ijk2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5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xMTAiLCJGb250U2V0dGluZ3MiOnsiJGlkIjoiMTEx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x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xMjUiLCJGb250U2V0dGluZ3MiOnsiJGlkIjoiMTI2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x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E0MSIsIkZvbnRTZXR0aW5ncyI6eyIkaWQiOiIxNDI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E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MTU2IiwiRm9udFNldHRpbmdzIjp7IiRpZCI6IjE1Ny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MT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MTcxIiwiRm9udFNldHRpbmdzIjp7IiRpZCI6IjE3Mi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MT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E4NyIsIkZvbnRTZXR0aW5ncyI6eyIkaWQiOiIxODg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E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ODciLCJUb3AiOjAuMCwiTGVmdCI6MC4wLCJSaWdodCI6MC4wLCJCb3R0b20iOjAuMH0sIlBhZGRpbmciOnsiJGlkIjoiMjg4IiwiVG9wIjowLjAsIkxlZnQiOjAuMCwiUmlnaHQiOjAuMCwiQm90dG9tIjowLjB9LCJCYWNrZ3JvdW5kIjp7IiRpZCI6IjI4OSIsIkNvbG9yIjp7IiRyZWYiOiIyNTQifX0sIklzVmlzaWJsZSI6dHJ1ZSwiV2lkdGgiOjAuMCwiSGVpZ2h0IjowLjAsIkJvcmRlclN0eWxlIjpudWxsLCJQYXJlbnRTdHlsZSI6bnVsbH0sIkRhdGVGb3JtYXQiOnsiJGlkIjoiMj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MSIsIkZvcm1hdCI6MCwiSXNWaXNpYmxlIjpmYWxzZSwiTGFzdEtub3duVmlzaWJpbGl0eVN0YXRlIjpmYWxzZX0sIklzVmlzaWJsZSI6ZmFsc2UsIlBhcmVudFN0eWxlIjpudWxsLCJfZXhwbGljaXRseVNldCI6eyIkaWQiOiIyOT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5IiwiVG9wIjowLjAsIkxlZnQiOjAuMCwiUmlnaHQiOjAuMCwiQm90dG9tIjowLjB9LCJQYWRkaW5nIjp7IiRpZCI6IjMyMCIsIlRvcCI6MC4wLCJMZWZ0IjowLjAsIlJpZ2h0IjowLjAsIkJvdHRvbSI6MC4wfSwiQmFja2dyb3VuZCI6eyIkaWQiOiIzMjEiLCJDb2xvciI6eyIkcmVmIjoiMzE0In19LCJJc1Zpc2libGUiOnRydWUsIldpZHRoIjowLjAsIkhlaWdodCI6MC4wLCJCb3JkZXJTdHlsZSI6bnVsbCwiUGFyZW50U3R5bGUiOm51bGx9LCJEYXRlRm9ybWF0Ijp7IiRpZCI6IjM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pZCI6IjM0MCIsIkEiOjg5LCJSIjowLCJHIjowLCJCIjowfX0sIklzVmlzaWJsZSI6dHJ1ZSwiV2lkdGgiOjAuMCwiSGVpZ2h0IjowLjAsIkJvcmRlclN0eWxlIjpudWxsLCJQYXJlbnRTdHlsZSI6bnVsbH0sIkRhdGVTdHlsZSI6eyIkaWQiOiIzNDEiLCJGb250U2V0dGluZ3MiOnsiJGlkIjoiMzQyIiwiRm9udFNpemUiOjEwLCJGb250TmFtZSI6IkNhbGlicmkiLCJJc0JvbGQiOmZhbHNlLCJJc0l0YWxpYyI6ZmFsc2UsIklzVW5kZXJsaW5lZCI6ZmFsc2UsIlBhcmVudFN0eWxlIjpudWxsfSwiQXV0b1NpemUiOjAsIkZvcmVncm91bmQiOnsiJGlkIjoiMzQzIiwiQ29sb3IiOnsiJGlkIjoiMzQ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NDUiLCJUb3AiOjAuMCwiTGVmdCI6MC4wLCJSaWdodCI6MC4wLCJCb3R0b20iOjAuMH0sIlBhZGRpbmciOnsiJGlkIjoiMzQ2IiwiVG9wIjowLjAsIkxlZnQiOjAuMCwiUmlnaHQiOjAuMCwiQm90dG9tIjowLjB9LCJCYWNrZ3JvdW5kIjp7IiRpZCI6IjM0NyIsIkNvbG9yIjp7IiRyZWYiOiIzNDAifX0sIklzVmlzaWJsZSI6ZmFsc2UsIldpZHRoIjowLjAsIkhlaWdodCI6MC4wLCJCb3JkZXJTdHlsZSI6bnVsbCwiUGFyZW50U3R5bGUiOm51bGx9LCJEYXRlRm9ybWF0Ijp7IiRpZCI6IjM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k0IiwiVG9wIjowLjAsIkxlZnQiOjAuMCwiUmlnaHQiOjAuMCwiQm90dG9tIjowLjB9LCJQYWRkaW5nIjp7IiRpZCI6IjM5NSIsIlRvcCI6MC4wLCJMZWZ0IjowLjAsIlJpZ2h0IjowLjAsIkJvdHRvbSI6MC4wfSwiQmFja2dyb3VuZCI6eyIkaWQiOiIzOTYiLCJDb2xvciI6eyIkaWQiOiIzOTciLCJBIjowLCJSIjowLCJHIjowLCJCIjowfX0sIklzVmlzaWJsZSI6dHJ1ZSwiV2lkdGgiOjAuMCwiSGVpZ2h0IjowLjAsIkJvcmRlclN0eWxlIjpudWxsLCJQYXJlbnRTdHlsZSI6bnVsbH0sIkRhdGVTdHlsZSI6eyIkaWQiOiIzOTgiLCJGb250U2V0dGluZ3MiOnsiJGlkIjoiMzk5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pZCI6IjQwMCIsIlRvcCI6MC4wLCJMZWZ0IjowLjAsIlJpZ2h0IjowLjAsIkJvdHRvbSI6MC4wfSwiUGFkZGluZyI6eyIkaWQiOiI0MDEiLCJUb3AiOjAuMCwiTGVmdCI6MC4wLCJSaWdodCI6MC4wLCJCb3R0b20iOjAuMH0sIkJhY2tncm91bmQiOnsiJGlkIjoiNDAyIiwiQ29sb3IiOnsiJHJlZiI6IjM5NyJ9fSwiSXNWaXNpYmxlIjpmYWxzZSwiV2lkdGgiOjAuMCwiSGVpZ2h0IjowLjAsIkJvcmRlclN0eWxlIjpudWxsLCJQYXJlbnRTdHlsZSI6bnVsbH0sIkRhdGVGb3JtYXQiOnsiJGlkIjoiNDA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xOCIsIlRvcCI6MC4wLCJMZWZ0IjowLjAsIlJpZ2h0IjowLjAsIkJvdHRvbSI6MC4wfSwiUGFkZGluZyI6eyIkaWQiOiI0MTkiLCJUb3AiOjAuMCwiTGVmdCI6MC4wLCJSaWdodCI6MC4wLCJCb3R0b20iOjAuMH0sIkJhY2tncm91bmQiOnsiJHJlZiI6IjM5NiJ9LCJJc1Zpc2libGUiOnRydWUsIldpZHRoIjowLjAsIkhlaWdodCI6MC4wLCJCb3JkZXJTdHlsZSI6bnVsbCwiUGFyZW50U3R5bGUiOm51bGx9LCJEYXRlU3R5bGUiOnsiJGlkIjoiNDIwIiwiRm9udFNldHRpbmdzIjp7IiRpZCI6IjQyM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aWQiOiI0MjIiLCJUb3AiOjAuMCwiTGVmdCI6MC4wLCJSaWdodCI6MC4wLCJCb3R0b20iOjAuMH0sIlBhZGRpbmciOnsiJGlkIjoiNDIzIiwiVG9wIjowLjAsIkxlZnQiOjAuMCwiUmlnaHQiOjAuMCwiQm90dG9tIjowLjB9LCJCYWNrZ3JvdW5kIjp7IiRyZWYiOiI0MDIifSwiSXNWaXNpYmxlIjpmYWxzZSwiV2lkdGgiOjAuMCwiSGVpZ2h0IjowLjAsIkJvcmRlclN0eWxlIjpudWxsLCJQYXJlbnRTdHlsZSI6bnVsbH0sIkRhdGVGb3JtYXQiOnsiJGlkIjoiNDI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NDM3IiwiRm9udFNldHRpbmdzIjp7IiRpZCI6IjQzOC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ND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NDc2IiwiRm9udFNldHRpbmdzIjp7IiRpZCI6IjQ3Ny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ND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Q5MSIsIkZvbnRTZXR0aW5ncyI6eyIkaWQiOiI0OTI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Q5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wOCIsIlRvcCI6MC4wLCJMZWZ0IjowLjAsIlJpZ2h0IjowLjAsIkJvdHRvbSI6MC4wfSwiUGFkZGluZyI6eyIkaWQiOiI1MDkiLCJUb3AiOjAuMCwiTGVmdCI6MC4wLCJSaWdodCI6MC4wLCJCb3R0b20iOjAuMH0sIkJhY2tncm91bmQiOnsiJHJlZiI6IjM5NiJ9LCJJc1Zpc2libGUiOnRydWUsIldpZHRoIjowLjAsIkhlaWdodCI6MC4wLCJCb3JkZXJTdHlsZSI6bnVsbC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aWQiOiI1MTIiLCJUb3AiOjAuMCwiTGVmdCI6MC4wLCJSaWdodCI6MC4wLCJCb3R0b20iOjAuMH0sIlBhZGRpbmciOnsiJGlkIjoiNTEzIiwiVG9wIjowLjAsIkxlZnQiOjAuMCwiUmlnaHQiOjAuMCwiQm90dG9tIjowLjB9LCJCYWNrZ3JvdW5kIjp7IiRyZWYiOiI0MDIifSwiSXNWaXNpYmxlIjpmYWxzZSwiV2lkdGgiOjAuMCwiSGVpZ2h0IjowLjAsIkJvcmRlclN0eWxlIjpudWxsLCJQYXJlbnRTdHlsZSI6bnVsbH0sIkRhdGVGb3JtYXQiOnsiJGlkIjoiNT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U0NCIsIkZvbnRTZXR0aW5ncyI6eyIkaWQiOiI1NDU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U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M2IiwiVG9wIjowLjAsIkxlZnQiOjAuMCwiUmlnaHQiOjAuMCwiQm90dG9tIjowLjB9LCJQYWRkaW5nIjp7IiRpZCI6IjYzNyIsIlRvcCI6MC4wLCJMZWZ0IjowLjAsIlJpZ2h0IjowLjAsIkJvdHRvbSI6MC4wfSwiQmFja2dyb3VuZCI6eyIkaWQiOiI2MzgiLCJDb2xvciI6eyIkcmVmIjoiNjAzIn19LCJJc1Zpc2libGUiOnRydWUsIldpZHRoIjowLjAsIkhlaWdodCI6MC4wLCJCb3JkZXJTdHlsZSI6bnVsbCwiUGFyZW50U3R5bGUiOm51bGx9LCJEYXRlRm9ybWF0Ijp7IiRpZCI6IjY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DAiLCJGb3JtYXQiOjAsIklzVmlzaWJsZSI6ZmFsc2UsIkxhc3RLbm93blZpc2liaWxpdHlTdGF0ZSI6ZmFsc2V9LCJJc1Zpc2libGUiOnRydWUsIlBhcmVudFN0eWxlIjpudWxsLCJfZXhwbGljaXRseVNldCI6eyIkaWQiOiI2ND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2OCIsIlRvcCI6MC4wLCJMZWZ0IjowLjAsIlJpZ2h0IjowLjAsIkJvdHRvbSI6MC4wfSwiUGFkZGluZyI6eyIkaWQiOiI2NjkiLCJUb3AiOjAuMCwiTGVmdCI6MC4wLCJSaWdodCI6MC4wLCJCb3R0b20iOjAuMH0sIkJhY2tncm91bmQiOnsiJGlkIjoiNjcwIiwiQ29sb3IiOnsiJHJlZiI6IjY2MyJ9fSwiSXNWaXNpYmxlIjp0cnVlLCJXaWR0aCI6MC4wLCJIZWlnaHQiOjAuMCwiQm9yZGVyU3R5bGUiOm51bGwsIlBhcmVudFN0eWxlIjpudWxsfSwiRGF0ZUZvcm1hdCI6eyIkaWQiOiI2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OTQiLCJUb3AiOjAuMCwiTGVmdCI6MC4wLCJSaWdodCI6MC4wLCJCb3R0b20iOjAuMH0sIlBhZGRpbmciOnsiJGlkIjoiNjk1IiwiVG9wIjowLjAsIkxlZnQiOjAuMCwiUmlnaHQiOjAuMCwiQm90dG9tIjowLjB9LCJCYWNrZ3JvdW5kIjp7IiRpZCI6IjY5NiIsIkNvbG9yIjp7IiRyZWYiOiI2ODkifX0sIklzVmlzaWJsZSI6ZmFsc2UsIldpZHRoIjowLjAsIkhlaWdodCI6MC4wLCJCb3JkZXJTdHlsZSI6bnVsbCwiUGFyZW50U3R5bGUiOm51bGx9LCJEYXRlRm9ybWF0Ijp7IiRpZCI6IjY5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NzQxIiwiRm9udFNldHRpbmdzIjp7IiRpZCI6Ijc0Mi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Nz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pZCI6Ijc2MiIsIlRvcCI6MC4wLCJMZWZ0IjowLjAsIlJpZ2h0IjowLjAsIkJvdHRvbSI6MC4wfSwiUGFkZGluZyI6eyIkaWQiOiI3NjMiLCJUb3AiOjAuMCwiTGVmdCI6MC4wLCJSaWdodCI6MC4wLCJCb3R0b20iOjAuMH0sIkJhY2tncm91bmQiOnsiJHJlZiI6IjQwMiJ9LCJJc1Zpc2libGUiOmZhbHNlLCJXaWR0aCI6MC4wLCJIZWlnaHQiOjAuMCwiQm9yZGVyU3R5bGUiOm51bGwsIlBhcmVudFN0eWxlIjpudWxsfSwiRGF0ZUZvcm1hdCI6eyIkaWQiOiI3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pZCI6Ijc4MyIsIlRvcCI6MC4wLCJMZWZ0IjowLjAsIlJpZ2h0IjowLjAsIkJvdHRvbSI6MC4wfSwiUGFkZGluZyI6eyIkaWQiOiI3ODQiLCJUb3AiOjAuMCwiTGVmdCI6MC4wLCJSaWdodCI6MC4wLCJCb3R0b20iOjAuMH0sIkJhY2tncm91bmQiOnsiJHJlZiI6IjQwMiJ9LCJJc1Zpc2libGUiOmZhbHNlLCJXaWR0aCI6MC4wLCJIZWlnaHQiOjAuMCwiQm9yZGVyU3R5bGUiOm51bGwsIlBhcmVudFN0eWxlIjpudWxsfSwiRGF0ZUZvcm1hdCI6eyIkaWQiOiI3O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3OTgiLCJGb250U2V0dGluZ3MiOnsiJGlkIjoiNzk5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4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aWQiOiI4MjAiLCJUb3AiOjAuMCwiTGVmdCI6MC4wLCJSaWdodCI6MC4wLCJCb3R0b20iOjAuMH0sIlBhZGRpbmciOnsiJGlkIjoiODIxIiwiVG9wIjowLjAsIkxlZnQiOjAuMCwiUmlnaHQiOjAuMCwiQm90dG9tIjowLjB9LCJCYWNrZ3JvdW5kIjp7IiRyZWYiOiI0MDIifSwiSXNWaXNpYmxlIjpmYWxzZSwiV2lkdGgiOjAuMCwiSGVpZ2h0IjowLjAsIkJvcmRlclN0eWxlIjpudWxsLCJQYXJlbnRTdHlsZSI6bnVsbH0sIkRhdGVGb3JtYXQiOnsiJGlkIjoiODI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gzNSIsIkZvbnRTZXR0aW5ncyI6eyIkaWQiOiI4MzY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gz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ODUwIiwiRm9udFNldHRpbmdzIjp7IiRpZCI6Ijg1M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ODU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g2NiIsIkZvbnRTZXR0aW5ncyI6eyIkaWQiOiI4Njc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g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GlkIjoiOTI1IiwiQSI6ODksIlIiOjAsIkciOjAsIkIiOjB9fSwiSXNWaXNpYmxlIjp0cnVlLCJXaWR0aCI6MC4wLCJIZWlnaHQiOjAuMCwiQm9yZGVyU3R5bGUiOm51bGwsIlBhcmVudFN0eWxlIjpudWxsfSwiRHVyYXRpb25TdHlsZSI6eyIkaWQiOiI5MjYiLCJGb250U2V0dGluZ3MiOnsiJGlkIjoiOTI3IiwiRm9udFNpemUiOjEwLCJGb250TmFtZSI6IkNhbGlicmkiLCJJc0JvbGQiOmZhbHNlLCJJc0l0YWxpYyI6ZmFsc2UsIklzVW5kZXJsaW5lZCI6ZmFsc2UsIlBhcmVudFN0eWxlIjpudWxsfSwiQXV0b1NpemUiOjAsIkZvcmVncm91bmQiOnsiJGlkIjoiOTI4IiwiQ29sb3IiOnsiJGlkIjoiOTI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5NTgiLCJUb3AiOjAuMCwiTGVmdCI6MC4wLCJSaWdodCI6MC4wLCJCb3R0b20iOjAuMH0sIlBhZGRpbmciOnsiJGlkIjoiOTU5IiwiVG9wIjowLjAsIkxlZnQiOjAuMCwiUmlnaHQiOjAuMCwiQm90dG9tIjowLjB9LCJCYWNrZ3JvdW5kIjp7IiRpZCI6Ijk2MCIsIkNvbG9yIjp7IiRyZWYiOiI5MjUifX0sIklzVmlzaWJsZSI6dHJ1ZSwiV2lkdGgiOjAuMCwiSGVpZ2h0IjowLjAsIkJvcmRlclN0eWxlIjpudWxsLCJQYXJlbnRTdHlsZSI6bnVsbH0sIkRhdGVGb3JtYXQiOnsiJGlkIjoiOTY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2MiIsIkZvcm1hdCI6MCwiSXNWaXNpYmxlIjpmYWxzZSwiTGFzdEtub3duVmlzaWJpbGl0eVN0YXRlIjpmYWxzZX0sIklzVmlzaWJsZSI6dHJ1ZSwiUGFyZW50U3R5bGUiOm51bGwsIl9leHBsaWNpdGx5U2V0Ijp7IiRpZCI6Ijk2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kwIiwiVG9wIjowLjAsIkxlZnQiOjAuMCwiUmlnaHQiOjAuMCwiQm90dG9tIjowLjB9LCJQYWRkaW5nIjp7IiRpZCI6Ijk5MSIsIlRvcCI6MC4wLCJMZWZ0IjowLjAsIlJpZ2h0IjowLjAsIkJvdHRvbSI6MC4wfSwiQmFja2dyb3VuZCI6eyIkaWQiOiI5OTIiLCJDb2xvciI6eyIkcmVmIjoiOTg1In19LCJJc1Zpc2libGUiOnRydWUsIldpZHRoIjowLjAsIkhlaWdodCI6MC4wLCJCb3JkZXJTdHlsZSI6bnVsbCwiUGFyZW50U3R5bGUiOm51bGx9LCJEYXRlRm9ybWF0Ijp7IiRpZCI6Ijk5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AxNiIsIlRvcCI6MC4wLCJMZWZ0IjowLjAsIlJpZ2h0IjowLjAsIkJvdHRvbSI6MC4wfSwiUGFkZGluZyI6eyIkaWQiOiIxMDE3IiwiVG9wIjowLjAsIkxlZnQiOjAuMCwiUmlnaHQiOjAuMCwiQm90dG9tIjowLjB9LCJCYWNrZ3JvdW5kIjp7IiRpZCI6IjEwMTgiLCJDb2xvciI6eyIkcmVmIjoiMTAxMSJ9fSwiSXNWaXNpYmxlIjpmYWxzZSwiV2lkdGgiOjAuMCwiSGVpZ2h0IjowLjAsIkJvcmRlclN0eWxlIjpudWxsLCJQYXJlbnRTdHlsZSI6bnVsbH0sIkRhdGVGb3JtYXQiOnsiJGlkIjoiMTA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MTA2MyIsIkZvbnRTZXR0aW5ncyI6eyIkaWQiOiIxMDY0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xMD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EwNzgiLCJGb250U2V0dGluZ3MiOnsiJGlkIjoiMTA3O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MTA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EwOTMiLCJGb250U2V0dGluZ3MiOnsiJGlkIjoiMTA5NCIsIkZvbnRTaXplIjoxMCwiRm9udE5hbWUiOiJDYWxpYnJpIiwiSXNCb2xkIjpmYWxzZSwiSXNJdGFsaWMiOmZhbHNlLCJJc1VuZGVybGluZWQiOmZhbHNlLCJQYXJlbnRTdHlsZSI6bnVsbH0sIkF1dG9TaXplIjowLCJGb3JlZ3JvdW5kIjp7IiRpZCI6IjEwOTUiLCJDb2xvciI6eyIkaWQiOiIxMDk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MTA5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ExMTEiLCJGb250U2V0dGluZ3MiOnsiJGlkIjoiMTExMi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MTE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IwMyIsIlRvcCI6MC4wLCJMZWZ0IjowLjAsIlJpZ2h0IjowLjAsIkJvdHRvbSI6MC4wfSwiUGFkZGluZyI6eyIkaWQiOiIxMjA0IiwiVG9wIjowLjAsIkxlZnQiOjAuMCwiUmlnaHQiOjAuMCwiQm90dG9tIjowLjB9LCJCYWNrZ3JvdW5kIjp7IiRpZCI6IjEyMDUiLCJDb2xvciI6eyIkcmVmIjoiMTE3MCJ9fSwiSXNWaXNpYmxlIjp0cnVlLCJXaWR0aCI6MC4wLCJIZWlnaHQiOjAuMCwiQm9yZGVyU3R5bGUiOm51bGwsIlBhcmVudFN0eWxlIjpudWxsfSwiRGF0ZUZvcm1hdCI6eyIkaWQiOiIxMj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DciLCJGb3JtYXQiOjAsIklzVmlzaWJsZSI6ZmFsc2UsIkxhc3RLbm93blZpc2liaWxpdHlTdGF0ZSI6ZmFsc2V9LCJJc1Zpc2libGUiOnRydWUsIlBhcmVudFN0eWxlIjpudWxsLCJfZXhwbGljaXRseVNldCI6eyIkaWQiOiIxMjA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zUiLCJUb3AiOjAuMCwiTGVmdCI6MC4wLCJSaWdodCI6MC4wLCJCb3R0b20iOjAuMH0sIlBhZGRpbmciOnsiJGlkIjoiMTIzNiIsIlRvcCI6MC4wLCJMZWZ0IjowLjAsIlJpZ2h0IjowLjAsIkJvdHRvbSI6MC4wfSwiQmFja2dyb3VuZCI6eyIkaWQiOiIxMjM3IiwiQ29sb3IiOnsiJHJlZiI6IjEyMzAifX0sIklzVmlzaWJsZSI6dHJ1ZSwiV2lkdGgiOjAuMCwiSGVpZ2h0IjowLjAsIkJvcmRlclN0eWxlIjpudWxsLCJQYXJlbnRTdHlsZSI6bnVsbH0sIkRhdGVGb3JtYXQiOnsiJGlkIjoiMT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yNjEiLCJUb3AiOjAuMCwiTGVmdCI6MC4wLCJSaWdodCI6MC4wLCJCb3R0b20iOjAuMH0sIlBhZGRpbmciOnsiJGlkIjoiMTI2MiIsIlRvcCI6MC4wLCJMZWZ0IjowLjAsIlJpZ2h0IjowLjAsIkJvdHRvbSI6MC4wfSwiQmFja2dyb3VuZCI6eyIkaWQiOiIxMjYzIiwiQ29sb3IiOnsiJHJlZiI6IjEyNTYifX0sIklzVmlzaWJsZSI6ZmFsc2UsIldpZHRoIjowLjAsIkhlaWdodCI6MC4wLCJCb3JkZXJTdHlsZSI6bnVsbCwiUGFyZW50U3R5bGUiOm51bGx9LCJEYXRlRm9ybWF0Ijp7IiRpZCI6IjEy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EzMDgiLCJGb250U2V0dGluZ3MiOnsiJGlkIjoiMTMwO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MTM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xMzIzIiwiRm9udFNldHRpbmdzIjp7IiRpZCI6IjEzMjQ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Ez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xMzM4IiwiRm9udFNldHRpbmdzIjp7IiRpZCI6IjEzMzkiLCJGb250U2l6ZSI6MTAsIkZvbnROYW1lIjoiQ2FsaWJyaSIsIklzQm9sZCI6ZmFsc2UsIklzSXRhbGljIjpmYWxzZSwiSXNVbmRlcmxpbmVkIjpmYWxzZSwiUGFyZW50U3R5bGUiOm51bGx9LCJBdXRvU2l6ZSI6MCwiRm9yZWdyb3VuZCI6eyIkaWQiOiIxMzQwIiwiQ29sb3IiOnsiJGlkIjoiMTM0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Ez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0MzIiLCJUb3AiOjAuMCwiTGVmdCI6MC4wLCJSaWdodCI6MC4wLCJCb3R0b20iOjAuMH0sIlBhZGRpbmciOnsiJGlkIjoiMTQzMyIsIlRvcCI6MC4wLCJMZWZ0IjowLjAsIlJpZ2h0IjowLjAsIkJvdHRvbSI6MC4wfSwiQmFja2dyb3VuZCI6eyIkaWQiOiIxNDM0IiwiQ29sb3IiOnsiJHJlZiI6IjEzOTkifX0sIklzVmlzaWJsZSI6dHJ1ZSwiV2lkdGgiOjAuMCwiSGVpZ2h0IjowLjAsIkJvcmRlclN0eWxlIjpudWxsLCJQYXJlbnRTdHlsZSI6bnVsbH0sIkRhdGVGb3JtYXQiOnsiJGlkIjoiMTQz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M2IiwiRm9ybWF0IjowLCJJc1Zpc2libGUiOmZhbHNlLCJMYXN0S25vd25WaXNpYmlsaXR5U3RhdGUiOmZhbHNlfSwiSXNWaXNpYmxlIjp0cnVlLCJQYXJlbnRTdHlsZSI6bnVsbCwiX2V4cGxpY2l0bHlTZXQiOnsiJGlkIjoiMTQz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2NCIsIlRvcCI6MC4wLCJMZWZ0IjowLjAsIlJpZ2h0IjowLjAsIkJvdHRvbSI6MC4wfSwiUGFkZGluZyI6eyIkaWQiOiIxNDY1IiwiVG9wIjowLjAsIkxlZnQiOjAuMCwiUmlnaHQiOjAuMCwiQm90dG9tIjowLjB9LCJCYWNrZ3JvdW5kIjp7IiRpZCI6IjE0NjYiLCJDb2xvciI6eyIkcmVmIjoiMTQ1OSJ9fSwiSXNWaXNpYmxlIjp0cnVlLCJXaWR0aCI6MC4wLCJIZWlnaHQiOjAuMCwiQm9yZGVyU3R5bGUiOm51bGwsIlBhcmVudFN0eWxlIjpudWxsfSwiRGF0ZUZvcm1hdCI6eyIkaWQiOiIxND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Q5MCIsIlRvcCI6MC4wLCJMZWZ0IjowLjAsIlJpZ2h0IjowLjAsIkJvdHRvbSI6MC4wfSwiUGFkZGluZyI6eyIkaWQiOiIxNDkxIiwiVG9wIjowLjAsIkxlZnQiOjAuMCwiUmlnaHQiOjAuMCwiQm90dG9tIjowLjB9LCJCYWNrZ3JvdW5kIjp7IiRpZCI6IjE0OTIiLCJDb2xvciI6eyIkcmVmIjoiMTQ4NSJ9fSwiSXNWaXNpYmxlIjpmYWxzZSwiV2lkdGgiOjAuMCwiSGVpZ2h0IjowLjAsIkJvcmRlclN0eWxlIjpudWxsLCJQYXJlbnRTdHlsZSI6bnVsbH0sIkRhdGVGb3JtYXQiOnsiJGlkIjoiMTQ5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Q1NCJ9LCJQYWRkaW5nIjp7IiRyZWYiOiI0NTUifSwiQmFja2dyb3VuZCI6eyIkcmVmIjoiNzQifSwiSXNWaXNpYmxlIjp0cnVlLCJXaWR0aCI6MC4wLCJIZWlnaHQiOjAuMCwiQm9yZGVyU3R5bGUiOm51bGwsIlBhcmVudFN0eWxlIjpudWxsfSwiRGF0ZVN0eWxlIjp7IiRpZCI6IjE2MjAiLCJGb250U2V0dGluZ3MiOnsiJGlkIjoiMTYyM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NDkiLCJUb3AiOjAuMCwiTGVmdCI6MC4wLCJSaWdodCI6MC4wLCJCb3R0b20iOjAuMH0sIlBhZGRpbmciOnsiJGlkIjoiMTY1MCIsIlRvcCI6MC4wLCJMZWZ0IjowLjAsIlJpZ2h0IjowLjAsIkJvdHRvbSI6MC4wfSwiQmFja2dyb3VuZCI6eyIkaWQiOiIxNjUxIiwiQ29sb3IiOnsiJHJlZiI6IjE2NDQifX0sIklzVmlzaWJsZSI6dHJ1ZSwiV2lkdGgiOjAuMCwiSGVpZ2h0IjowLjAsIkJvcmRlclN0eWxlIjpudWxsLCJQYXJlbnRTdHlsZSI6bnVsbH0sIkRhdGVGb3JtYXQiOnsiJGlkIjoiMTY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UzIiwiRm9ybWF0IjowLCJJc1Zpc2libGUiOmZhbHNlLCJMYXN0S25vd25WaXNpYmlsaXR5U3RhdGUiOmZhbHNlfSwiSXNWaXNpYmxlIjp0cnVlLCJQYXJlbnRTdHlsZSI6bnVsbH0sIkRlZmF1bHRUYXNrU3R5bGUiOnsiJGlkIjoiMTY1NCIsIlNoYXBlIjo4LCJTaGFwZVRoaWNrbmVzcyI6MSwiRHVyYXRpb25Gb3JtYXQiOjAsIkluY2x1ZGVOb25Xb3JraW5nRGF5c0luRHVyYXRpb24iOmZhbHNlLCJQZXJjZW50YWdlQ29tcGxldGVTdHlsZSI6eyIkaWQiOiIxNjU1IiwiRm9udFNldHRpbmdzIjp7IiRpZCI6IjE2NT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udWxsLCJQYXJlbnRTdHlsZSI6bnVsbH0sIkR1cmF0aW9uU3R5bGUiOnsiJGlkIjoiMTY1NyIsIkZvbnRTZXR0aW5ncyI6eyIkaWQiOiIxNjU4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bnVsbCwiUGFyZW50U3R5bGUiOm51bGx9LCJIb3Jpem9udGFsQ29ubmVjdG9yU3R5bGUiOnsiJGlkIjoiMTY1OSIsIkxpbmVDb2xvciI6eyIkcmVmIjoiMjYifSwiTGluZVdlaWdodCI6MS4wLCJMaW5lVHlwZSI6MCwiUGFyZW50U3R5bGUiOm51bGx9LCJWZXJ0aWNhbENvbm5lY3RvclN0eWxlIjp7IiRpZCI6IjE2NjAiLCJMaW5lQ29sb3IiOnsiJHJlZiI6IjI5In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OTQiLCJUb3AiOjAuMCwiTGVmdCI6MC4wLCJSaWdodCI6MC4wLCJCb3R0b20iOjAuMH0sIlBhZGRpbmciOnsiJGlkIjoiMTY5NSIsIlRvcCI6MC4wLCJMZWZ0IjowLjAsIlJpZ2h0IjowLjAsIkJvdHRvbSI6MC4wfSwiQmFja2dyb3VuZCI6eyIkaWQiOiIxNjk2IiwiQ29sb3IiOnsiJGlkIjoiMTY5NyIsIkEiOjg5LCJSIjowLCJHIjowLCJCIjowfX0sIklzVmlzaWJsZSI6dHJ1ZSwiV2lkdGgiOjAuMCwiSGVpZ2h0IjowLjAsIkJvcmRlclN0eWxlIjpudWxsLCJQYXJlbnRTdHlsZSI6bnVsbH0sIkRhdGVGb3JtYXQiOnsiJGlkIjoiMTY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LCJTb3VyY2VUaGVtZSI6IntcIiRpZFwiOlwiMVwiLFwiSWRcIjpcIjUzZDg0M2E4LWY4NmYtNDNiMi04MDRlLWFhMjliMDY4NTZhNl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3LFwiR1wiOjEyNSxcIkJcIjo0OX19LFwiSG9yaXpvbnRhbEFsaWdubWVudFwiOjAsXCJJc1Zpc2libGVcIjpmYWxz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xLFwiSXNWaXNpYmxlXCI6dHJ1ZX0sXCJTY2FsZVN0eWxlXCI6e1wiJGlkXCI6XCIyM1wiLFwiU2hvd1NlZ21lbnRTZXBhcmF0b3JzXCI6dHJ1ZSxcIlNlZ21lbnRTZXBhcmF0b3JPcGFjaXR5XCI6MzAsXCJTaGFwZVwiOjUsXCJTZWdtZW50VGV4dFN0eWxlXCI6e1wiJGlkXCI6XCIyNFwiLFwiRm9udFNldHRpbmdzXCI6e1wiJGlkXCI6XCIyNVwiLFwiRm9udFNpemVcIjoxOC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C4wLFwiUmlnaHRcIjoxMC4wLFwiQm90dG9tXCI6MC4wfSxcIlBhZGRpbmdcIjp7XCIkaWRcIjpcIjMwXCIsXCJUb3BcIjo1LjAsXCJMZWZ0XCI6MTMuMCxcIlJpZ2h0XCI6MTMuMCxcIkJvdHRvbVwiOjUuMH0sXCJCYWNrZ3JvdW5kXCI6e1wiJGlkXCI6XCIzMVwiLFwiQ29sb3JcIjp7XCIkaWRcIjpcIjMyXCIsXCJBXCI6MjU1LFwiUlwiOjY4LFwiR1wiOjg0LFwiQlwiOjEwNn19LFwiSXNWaXNpYmxlXCI6dHJ1ZSxcIldpZHRoXCI6ODU4LjAsXCJIZWlnaHRcIjoz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3NyxcIlJcIjoyNTUsXCJHXCI6MCxcIkJcIjowfX0sXCJFbGFwc2VkVGltZUZvcm1hdFwiOjIsXCJJc1Zpc2libGVcIjpmYWxz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OCxcIlNoYXBlVGhpY2tuZXNzXCI6MS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csXCJHXCI6MTI1LFwiQlwiOjQ5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xLjAsXCJMaW5lVHlwZVwiOjB9LFwiSXNWaXNpYmxlXCI6dHJ1ZX0sXCJNYXJnaW5cIjp7XCIkaWRcIjpcIjY0XCIsXCJUb3BcIjowLjAsXCJMZWZ0XCI6MC4wLFwiUmlnaHRcIjowLjAsXCJCb3R0b21cIjowLjB9LFwiU3RhcnREYXRlUG9zaXRpb25cIjozLFwiRW5kRGF0ZVBvc2l0aW9uXCI6NCxcIlRpdGxlUG9zaXRpb25cIjoyLFwiRHVyYXRpb25Qb3NpdGlvblwiOjAsXCJQZXJjZW50YWdlQ29tcGxldGVkUG9zaXRpb25cIjowLFwiU3BhY2luZ1wiOjU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jU1LFwiR1wiOjE5MixcIkJcIjowfX0sXCJJc1Zpc2libGVcIjp0cnVlLFwiV2lkdGhcIjowLjAsXCJIZWlnaHRcIjoxNi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DYWxpYnJpXCIsXCJJc0JvbGRcIjp0cnVlLFwiSXNJdGFsaWNcIjpmYWxzZSxcIklzVW5kZXJsaW5lZFwiOmZhbHNlfSxcIkZvcmVncm91bmRcIjp7XCIkaWRcIjpcIjc2XCIsXCJDb2xvclwiOntcIiRpZFwiOlwiNzdcIixcIkFcIjoyNTUsXCJSXCI6MCxcIkdcIjowLFwiQlwiOjB9fSxcIkhvcml6b250YWxBbGlnbm1lbnRcIjox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NjgsXCJHXCI6ODQsXCJCXCI6MTA2fX0sXCJIb3Jpem9udGFsQWxpZ25tZW50XCI6MS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OSxcIklzQmVsb3dUaW1lYmFuZFwiOmZhbHNlLFwiU2hhcGVTaXplXCI6MSxcIlBhZGRpbmdcIjp7XCIkaWRcIjpcIjg1XCIsXCJUb3BcIjo3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jU1LFwiR1wiOjE5MixcIkJcIjow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A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ksXCJTaGFwZVNpemVcIjoxLFwiRGV0YWlsc1NwYWNpbmdcIjoy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I1NSxcIkdcIjoxOTIsXCJCXCI6MH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S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2OCxcIkdcIjo4NCxcIkJcIjoxMDZ9fSxcIkhvcml6b250YWxBbGlnbm1lbnRcIjowLFwiSXNWaXNpYmxlXCI6dHJ1ZX0sXCJEYXRlRm9ybWF0XCI6e1wiJGlkXCI6XCIx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mViZjY2ZjVjLWVkNzQtNDkyNi1hM2ZmLWY2NWYyODE1OTk3ZlwiLFwiTmFtZVwiOlwiU3dpbWxhbmUgU3R5bGUgMVwiLFwiSGVhZGVyU3R5bGVcIjp7XCIkaWRcIjpcIjEyN1wiLFwiVGV4dFN0eWxlXCI6e1wiJGlkXCI6XCIxMjhcIixcIkZvbnRTZXR0aW5nc1wiOntcIiRpZFwiOlwiMTI5XCIsXCJGb250U2l6ZVwiOjEyLFwiRm9udE5hbWVcIjpcIkNhbGlicmlcIixcIklzQm9sZFwiOnRydWUsXCJJc0l0YWxpY1wiOmZhbHNlLFwiSXNVbmRlcmxpbmVkXCI6ZmFsc2V9LFwiRm9yZWdyb3VuZFwiOntcIiRpZFwiOlwiMTMwXCIsXCJDb2xvclwiOntcIiRpZFwiOlwiMTMxXCIsXCJBXCI6MjU1LFwiUlwiOjYwLFwiR1wiOjU0LFwiQlwiOjQ5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1NSxcIkdcIjoxOTIsXCJCXCI6MH19LFwiSXNWaXNpYmxlXCI6dHJ1ZSxcIldpZHRoXCI6MC4wLFwiSGVpZ2h0XCI6MC4wLFwiQm9yZGVyU3R5bGVcIjp7XCIkaWRcIjpcIjEzN1wiLFwiTGluZVN0eWxlXCI6e1wiJGlkXCI6XCIxMzhcIixcIkxpbmVDb2xvclwiOntcIiRpZFwiOlwiMTM5XCIsXCJDb2xvclwiOntcIiRpZFwiOlwiMTQwXCIsXCJBXCI6MjU1LFwiUlwiOjYwLFwiR1wiOjU0LFwiQlwiOjQ5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MzgsXCJSXCI6MjU1LFwiR1wiOjE5MixcIkJcIjo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yNTUsXCJHXCI6MTkyLFwiQlwiOjB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MzgsXCJSXCI6MjU1LFwiR1wiOjE5MixcIkJcIjow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C4wLFwiTGluZVR5cGVcIjowfSxcIklzVmlzaWJsZVwiOmZhbHNlfX19LFwiRGVmYXVsdFN3aW1sYW5lTWlsZXN0b25lU3R5bGVcIjp7XCIkaWRcIjpcIjE3NFwiLFwiVGl0bGVQb3NpdGlvblwiOjIsXCJEYXRlUG9zaXRpb25cIjowLFwiU2hhcGVUeXBlXCI6MTQ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I1NSxcIkdcIjoxOTIsXCJCXCI6MH19LFwiSXNWaXNpYmxlXCI6dHJ1ZSxcIldpZHRoXCI6MTMuMCxcIkhlaWdodFwiOjEz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nRydWUsXCJJc0l0YWxpY1wiOmZhbHNlLFwiSXNVbmRlcmxpbmVkXCI6ZmFsc2V9LFwiRm9yZWdyb3VuZFwiOntcIiRpZFwiOlwiMTg2XCIsXCJDb2xvclwiOntcIiRpZFwiOlwiMTg3XCIsXCJBXCI6MjU1LFwiUlwiOjAsXCJHXCI6MCxcIkJcIjowfX0sXCJIb3Jpem9udGFsQWxpZ25tZW50XCI6MC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yLFwiSXNWaXNpYmxlXCI6ZmFsc2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YsXCJTaGFwZVRoaWNrbmVzc1wiOjE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IzNyxcIkdcIjoxMjUsXCJCXCI6NDl9fSxcIkhvcml6b250YWxBbGlnbm1lbnRcIjowLFwiSXNWaXNpYmxlXCI6ZmFsc2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yMzcsXCJHXCI6MTI1LFwiQlwiOjQ5fX0sXCJIb3Jpem9udGFsQWxpZ25tZW50XCI6MCxcIklzVmlzaWJsZVwiOmZhbHNlfSxcIk1hcmdpblwiOntcIiRpZFwiOlwiMjA2XCIsXCJUb3BcIjowLjAsXCJMZWZ0XCI6MC4wLFwiUmlnaHRcIjowLjAsXCJCb3R0b21cIjowLjB9LFwiU3RhcnREYXRlUG9zaXRpb25cIjozLFwiRW5kRGF0ZVBvc2l0aW9uXCI6NCxcIlRpdGxlUG9zaXRpb25cIjowLFwiRHVyYXRpb25Qb3NpdGlvblwiOjAsXCJQZXJjZW50YWdlQ29tcGxldGVkUG9zaXRpb25cIjowLFwiU3BhY2luZ1wiOjU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E2NSxcIkdcIjoxNjUsXCJCXCI6MTY1fX0sXCJJc1Zpc2libGVcIjp0cnVlLFwiV2lkdGhcIjowLjAsXCJIZWlnaHRcIjoxNi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0cnVlLFwiSXNJdGFsaWNcIjpmYWxzZSxcIklzVW5kZXJsaW5lZFwiOmZhbHNlfSxcIkZvcmVncm91bmRcIjp7XCIkaWRcIjpcIjIxOFwiLFwiQ29sb3JcIjp7XCIkaWRcIjpcIjIxOVwiLFwiQVwiOjI1NSxcIlJcIjowLFwiR1wiOjAsXCJCXCI6MH19LFwiSG9yaXpvbnRhbEFsaWdubWVudFwiOjA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S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OSxcIlNoYXBlU2l6ZVwiOjEsXCJEZXRhaWxzU3BhY2luZ1wiOjIuMCxcIlBhZGRpbmdcIjp7XCIkaWRcIjpcIjIyN1wiLFwiVG9wXCI6Ny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jU1LFwiR1wiOjE5MixcIkJcIjowfX0sXCJJc1Zpc2libGVcIjp0cnVlLFwiV2lkdGhcIjoxOC4wLFwiSGVpZ2h0XCI6MjA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EsXCJGb250TmFtZVwiOlwiQ2FsaWJyaVwiLFwiSXNCb2xkXCI6dHJ1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4LFwiR1wiOjg0LFwiQlwiOjEwNn19LFwiSG9yaXpvbnRhbEFsaWdubWVudFwiOjA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xMTIsXCJHXCI6MTczLFwiQlwiOjcxfX0sXCJJc1Zpc2libGVcIjpmYWxzZSxcIldpZHRoXCI6MC4wLFwiSGVpZ2h0XCI6MC4wLFwiQm9yZGVyU3R5bGVcIjp7XCIkaWRcIjpcIjI1OFwiLFwiTGluZVN0eWxlXCI6e1wiJGlkXCI6XCIyNTlcIixcIkxpbmVDb2xvclwiOntcIiRpZFwiOlwiMjYwXCIsXCJDb2xvclwiOntcIiRpZFwiOlwiMjYxXCIsXCJBXCI6MjU1LFwiUlwiOjI3LFwiR1wiOjE2LFwiQlwiOjE5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zOCxcIlJcIjoxMTIsXCJHXCI6MTczLFwiQlwiOjcx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S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MTEyLFwiR1wiOjE3MyxcIkJcIjo3MX19LFwiSXNWaXNpYmxlXCI6dHJ1ZSxcIldpZHRoXCI6MTMuMCxcIkhlaWdodFwiOjEz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gsXCJTaGFwZVRoaWNrbmVzc1wiOjE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NyxcIkdcIjoxMjUsXCJCXCI6NDl9fSxcIkhvcml6b250YWxBbGlnbm1lbnRcIjowLFwiSXNWaXNpYmxlXCI6ZmFsc2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zLFwiRW5kRGF0ZVBvc2l0aW9uXCI6NCxcIlRpdGxlUG9zaXRpb25cIjoyLFwiRHVyYXRpb25Qb3NpdGlvblwiOjAsXCJQZXJjZW50YWdlQ29tcGxldGVkUG9zaXRpb25cIjowLFwiU3BhY2luZ1wiOjU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ExMixcIkdcIjoxNzMsXCJCXCI6NzF9fSxcIklzVmlzaWJsZVwiOnRydWUsXCJXaWR0aFwiOjAuMCxcIkhlaWdodFwiOjE2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5LFwiU2hhcGVTaXplXCI6MSxcIkRldGFpbHNTcGFjaW5nXCI6Mi4wLFwiUGFkZGluZ1wiOntcIiRpZFwiOlwiMzQ4XCIsXCJUb3BcIjo3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xMTIsXCJHXCI6MTczLFwiQlwiOjcxfX0sXCJJc1Zpc2libGVcIjp0cnVlLFwiV2lkdGhcIjoxOC4wLFwiSGVpZ2h0XCI6MjA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EsXCJGb250TmFtZVwiOlwiQ2FsaWJyaVwiLFwiSXNCb2xkXCI6dHJ1ZSxcIklzSXRhbGljXCI6ZmFsc2UsXCJJc1VuZGVybGluZWRcIjpmYWxzZX0sXCJGb3JlZ3JvdW5kXCI6e1wiJGlkXCI6XCIzNjBcIixcIkNvbG9yXCI6e1wiJGlkXCI6XCIzNjFcIixcIkFcIjoyNTUsXCJSXCI6MCxcIkdcIjowLFwiQlwiOjB9fSxcIkhvcml6b250YWxBbGlnbm1lbnRcIjox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Y4LFwiR1wiOjg0LFwiQlwiOjEwNn19LFwiSG9yaXpvbnRhbEFsaWdubWVudFwiOjAsXCJJc1Zpc2libGVcIjp0cnVlfSxcIkRhdGVGb3JtYXRcIjp7XCIkaWRcIjpcIjM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JiNDNiOTgwZS04NTcyLTQwNzAtYjZmYS04M2M4MzhlYWFjNTJcIixcIk5hbWVcIjpcIlN3aW1sYW5lIFN0eWxlIDNcIixcIkhlYWRlclN0eWxlXCI6e1wiJGlkXCI6XCIzNjlcIixcIlRleHRTdHlsZVwiOntcIiRpZFwiOlwiMzcwXCIsXCJGb250U2V0dGluZ3NcIjp7XCIkaWRcIjpcIjM3MVwiLFwiRm9udFNpemVcIjoxMixcIkZvbnROYW1lXCI6XCJDYWxpYnJpXCIsXCJJc0JvbGRcIjp0cnVlLFwiSXNJdGFsaWNcIjpmYWxzZSxcIklzVW5kZXJsaW5lZFwiOmZhbHNlfSxcIkZvcmVncm91bmRcIjp7XCIkaWRcIjpcIjM3MlwiLFwiQ29sb3JcIjp7XCIkaWRcIjpcIjM3M1wiLFwiQVwiOjI1NSxcIlJcIjowLFwiR1wiOjAsXCJCXCI6MH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AuMCxcIkxpbmVUeXBlXCI6MH0sXCJJc1Zpc2libGVcIjpmYWxzZX19LFwiSXNBYm92ZVRpbWViYW5kXCI6ZmFsc2UsXCJTcGFjaW5nXCI6NSxcIkRlZmF1bHRTd2ltbGFuZUFjdGl2aXR5U3R5bGVcIjp7XCIkaWRcIjpcIjM5MlwiLFwiSGVhZGVyU3R5bGVcIjp7XCIkaWRcIjpcIjM5M1wiLFwiVGV4dFN0eWxlXCI6e1wiJGlkXCI6XCIzOTRcIixcIkZvbnRTZXR0aW5nc1wiOntcIiRpZFwiOlwiMzk1XCIsXCJGb250U2l6ZVwiOjEx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IsXCJEYXRlUG9zaXRpb25cIjowLFwiU2hhcGVUeXBlXCI6NCxcIlNoYXBlU2l6ZVwiOjE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OTEsXCJHXCI6MTU1LFwiQlwiOjIxM319LFwiSXNWaXNpYmxlXCI6dHJ1ZSxcIldpZHRoXCI6MTguMCxcIkhlaWdodFwiOjIw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gsXCJTaGFwZVRoaWNrbmVzc1wiOjEsXCJEdXJhdGlvbkZvcm1hdFwiOjA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NyxcIkdcIjoxMjUsXCJCXCI6NDl9fSxcIkhvcml6b250YWxBbGlnbm1lbnRcIjowLFwiSXNWaXNpYmxlXCI6ZmFsc2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yMzcsXCJHXCI6MTI1LFwiQlwiOjQ5fX0sXCJIb3Jpem9udGFsQWxpZ25tZW50XCI6MCxcIklzVmlzaWJsZVwiOmZhbHNlfSxcIk1hcmdpblwiOntcIiRpZFwiOlwiNDQ4XCIsXCJUb3BcIjowLjAsXCJMZWZ0XCI6MC4wLFwiUmlnaHRcIjowLjAsXCJCb3R0b21cIjowLjB9LFwiU3RhcnREYXRlUG9zaXRpb25cIjozLFwiRW5kRGF0ZVBvc2l0aW9uXCI6NCxcIlRpdGxlUG9zaXRpb25cIjoyLFwiRHVyYXRpb25Qb3NpdGlvblwiOjAsXCJQZXJjZW50YWdlQ29tcGxldGVkUG9zaXRpb25cIjowLFwiU3BhY2luZ1wiOjU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kxLFwiR1wiOjE1NSxcIkJcIjoyMTN9fSxcIklzVmlzaWJsZVwiOnRydWUsXCJXaWR0aFwiOjAuMCxcIkhlaWdodFwiOjE2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xLFwiRm9udE5hbWVcIjpcIkNhbGlicmlcIixcIklzQm9sZFwiOnRydWUsXCJJc0l0YWxpY1wiOmZhbHNlLFwiSXNVbmRlcmxpbmVkXCI6ZmFsc2V9LFwiRm9yZWdyb3VuZFwiOntcIiRpZFwiOlwiNDYwXCIsXCJDb2xvclwiOntcIiRpZFwiOlwiNDYxXCIsXCJBXCI6MjU1LFwiUlwiOjAsXCJHXCI6MCxcIkJcIjowfX0sXCJIb3Jpem9udGFsQWxpZ25tZW50XCI6MS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2OCxcIkdcIjo4NCxcIkJcIjoxMDZ9fSxcIkhvcml6b250YWxBbGlnbm1lbnRcIjoxLFwiSXNWaXNpYmxlXCI6dHJ1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5LFwiU2hhcGVTaXplXCI6MSxcIkRldGFpbHNTcGFjaW5nXCI6Mi4wLFwiUGFkZGluZ1wiOntcIiRpZFwiOlwiNDY5XCIsXCJUb3BcIjo3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MTAsXCJGb250TmFtZVwiOlwiQ2FsaWJyaVwiLFwiSXNCb2xkXCI6ZmFsc2UsXCJJc0l0YWxpY1wiOmZhbHNlLFwiSXNVbmRlcmxpbmVkXCI6ZmFsc2V9LFwiRm9yZWdyb3VuZFwiOntcIiRpZFwiOlwiNDg1XCIsXCJDb2xvclwiOntcIiRpZFwiOlwiNDg2XCIsXCJBXCI6MjU1LFwiUlwiOjY4LFwiR1wiOjg0LFwiQlwiOjEwNn19LFwiSG9yaXpvbnRhbEFsaWdubWVudFwiOjAsXCJJc1Zpc2libGVcIjp0cnVlfSxcIkRhdGVGb3JtYXRcIjp7XCIkaWRcIjpcIjQ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TAxIiwiVXNlVGltZSI6ZmFsc2UsIldvcmtEYXlTdGFydCI6IjAwOjAwOjAwIiwiV29ya0RheUVuZCI6IjIzOjU5OjAwIn0sIkxhc3RVc2VkVGVtcGxhdGVJZCI6ImNjMjZmODYzLTI3Y2UtNDgwZS1hNTg5LWIzZjEyZjJkNmViMCIsIkxhc3RVc2VkVGhlbWVEZXRhaWxzIjp7IiRpZCI6IjIxMDIiLCJJZCI6IjUzZDg0M2E4LWY4NmYtNDNiMi04MDRlLWFhMjliMDY4NTZhNiIsIlRpdGxlIjoiVW50aXRsZWQgdGhlbWUiLCJDYXRlZ29yeSI6Mn0sIkZpcnN0V2Vla09mWWVhciI6MCwiUGxhY2VNaWxlc3RvbmVBdFRoZUJlZ2lubmluZ09mVGhlRGF5IjpmYWxzZSwiRGVwZW5kZW5jeVNjaGVkdWxpbmdTZXR0aW5ncyI6eyIkaWQiOiIyMTAz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Quarters"/>
  <p:tag name="OTLTIMEBANDSHAPETYPE" val="LeafTimeband"/>
  <p:tag name="OTLTIMEBANDSHAPEHEIGHT" val="30"/>
  <p:tag name="OTLTIMEBANDSHAPEPADDINGLEFT" val="13"/>
  <p:tag name="OTLTIMEBANDENDDATE" val="2025-10-13T23:59:00.0000000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ing Ad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4-13T23:59:00.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Optimizatio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4-13T23:59:00.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acebook Ad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1-13T23:59:00.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M Audit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1-13T23:59:00.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Audit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1-13T23:59:00.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ogle Ad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1-13T23:59:00.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mail Ad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10-13T23:59:00.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Commerce Updat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10-13T23:59:00.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bile Ad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10-13T23:59:00.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ocial Media Campaig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7-13T23:59:00.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Optimize for Mobil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4-13T23:59:00.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ebsite Design &amp; Dev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1-13T23:59:00.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Commerce Dev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7-13T23:59:00.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rchase Flow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4-13T23:59:00.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brand Updat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7-13T23:59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og Design Updat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7-13T23:59:00.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curity Audit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4-13T23:59:00.000000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3rd Party Lead Ge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7-13T23:59:00.000000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Youtube Ad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10-13T23:59:00.0000000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isplay Ads Creativ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4-13T23:59:00.000000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M Campaig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4-13T23:59:00.000000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og Campaig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7-13T23:59:00.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unnel Optimizatio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10-13T23:59:00.0000000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eo-replicatio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4-13T23:59:00.0000000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cess Firewall Integratio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7-13T23:59:00.000000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isaster Recovery Testing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10-13T23:59:00.0000000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utomated Testing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7-13T23:59:00.0000000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utomated Test Framework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4-13T23:59:00.0000000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utomated Testing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10-13T23:59:00.0000000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rand Chang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7-13T23:59:00.0000000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Review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10-13T23:59:00.0000000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M Review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10-13T23:59:00.000000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56</Words>
  <Application>Microsoft Office PowerPoint</Application>
  <PresentationFormat>Widescreen</PresentationFormat>
  <Paragraphs>8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2_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1:18Z</dcterms:created>
  <dcterms:modified xsi:type="dcterms:W3CDTF">2024-10-17T09:13:34Z</dcterms:modified>
</cp:coreProperties>
</file>